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6\02_人材確保グループ\450_看護職\478_看護師等養成所補助事業\01_運営費補助\04_R6消費税仕入控除税額\01_提出依頼\"/>
    </mc:Choice>
  </mc:AlternateContent>
  <bookViews>
    <workbookView xWindow="0" yWindow="0" windowWidth="19200" windowHeight="7305"/>
  </bookViews>
  <sheets>
    <sheet name="様式６" sheetId="11" r:id="rId1"/>
    <sheet name="様式６【記入例】" sheetId="10" r:id="rId2"/>
    <sheet name="別紙概要(様式_返納あり)【１】" sheetId="12" r:id="rId3"/>
    <sheet name="別紙概要(様式_返納あり)【２】" sheetId="13" r:id="rId4"/>
    <sheet name="別紙概要(様式_返納なし）【3】" sheetId="14" r:id="rId5"/>
    <sheet name="別紙概要(返納あり)【例１】" sheetId="15" r:id="rId6"/>
    <sheet name="別紙概要(返納あり)【例２】" sheetId="16" r:id="rId7"/>
    <sheet name="別紙概要(返納なし)【例3】" sheetId="17" r:id="rId8"/>
  </sheets>
  <definedNames>
    <definedName name="_xlnm.Print_Area" localSheetId="5">'別紙概要(返納あり)【例１】'!$A$1:$K$49</definedName>
    <definedName name="_xlnm.Print_Area" localSheetId="6">'別紙概要(返納あり)【例２】'!$A$1:$K$53</definedName>
    <definedName name="_xlnm.Print_Area" localSheetId="2">'別紙概要(様式_返納あり)【１】'!$A$1:$K$48</definedName>
    <definedName name="_xlnm.Print_Area" localSheetId="3">'別紙概要(様式_返納あり)【２】'!$A$1:$J$50</definedName>
    <definedName name="_xlnm.Print_Area" localSheetId="4">'別紙概要(様式_返納なし）【3】'!$A$1:$J$30</definedName>
  </definedNames>
  <calcPr calcId="162913"/>
</workbook>
</file>

<file path=xl/calcChain.xml><?xml version="1.0" encoding="utf-8"?>
<calcChain xmlns="http://schemas.openxmlformats.org/spreadsheetml/2006/main">
  <c r="I36" i="16" l="1"/>
  <c r="H36" i="16"/>
  <c r="G36" i="16"/>
  <c r="F36" i="16"/>
  <c r="J35" i="16"/>
  <c r="J34" i="16"/>
  <c r="J33" i="16"/>
  <c r="J32" i="16"/>
  <c r="J31" i="16"/>
  <c r="J30" i="16"/>
  <c r="J29" i="16"/>
  <c r="M45" i="15"/>
  <c r="M44" i="15"/>
  <c r="M43" i="15"/>
  <c r="I36" i="15"/>
  <c r="H36" i="15"/>
  <c r="G36" i="15"/>
  <c r="F36" i="15"/>
  <c r="J35" i="15"/>
  <c r="J34" i="15"/>
  <c r="J33" i="15"/>
  <c r="J32" i="15"/>
  <c r="J36" i="15" s="1"/>
  <c r="J31" i="15"/>
  <c r="J30" i="15"/>
  <c r="J29" i="15"/>
  <c r="I36" i="13"/>
  <c r="H36" i="13"/>
  <c r="G36" i="13"/>
  <c r="F36" i="13"/>
  <c r="J35" i="13"/>
  <c r="J34" i="13"/>
  <c r="J33" i="13"/>
  <c r="J32" i="13"/>
  <c r="J31" i="13"/>
  <c r="J30" i="13"/>
  <c r="J29" i="13"/>
  <c r="I36" i="12"/>
  <c r="H36" i="12"/>
  <c r="F36" i="12"/>
  <c r="J35" i="12"/>
  <c r="J34" i="12"/>
  <c r="J33" i="12"/>
  <c r="J32" i="12"/>
  <c r="J31" i="12"/>
  <c r="J30" i="12"/>
  <c r="J29" i="12"/>
  <c r="J36" i="12" l="1"/>
  <c r="J36" i="13"/>
  <c r="J36" i="16"/>
</calcChain>
</file>

<file path=xl/sharedStrings.xml><?xml version="1.0" encoding="utf-8"?>
<sst xmlns="http://schemas.openxmlformats.org/spreadsheetml/2006/main" count="195" uniqueCount="75">
  <si>
    <t>金</t>
    <rPh sb="0" eb="1">
      <t>キン</t>
    </rPh>
    <phoneticPr fontId="2"/>
  </si>
  <si>
    <t>円</t>
    <rPh sb="0" eb="1">
      <t>エン</t>
    </rPh>
    <phoneticPr fontId="2"/>
  </si>
  <si>
    <t>○○市○○1-1-1</t>
    <rPh sb="2" eb="3">
      <t>シ</t>
    </rPh>
    <phoneticPr fontId="2"/>
  </si>
  <si>
    <t>理事長　○○ ○○</t>
    <rPh sb="0" eb="3">
      <t>リジチョウ</t>
    </rPh>
    <phoneticPr fontId="2"/>
  </si>
  <si>
    <t>補助事業名</t>
    <rPh sb="0" eb="2">
      <t>ホジョ</t>
    </rPh>
    <rPh sb="2" eb="4">
      <t>ジギョウ</t>
    </rPh>
    <rPh sb="4" eb="5">
      <t>メイ</t>
    </rPh>
    <phoneticPr fontId="2"/>
  </si>
  <si>
    <t>仕入控除税額の概要</t>
    <rPh sb="0" eb="2">
      <t>シイレ</t>
    </rPh>
    <rPh sb="2" eb="4">
      <t>コウジョ</t>
    </rPh>
    <rPh sb="4" eb="6">
      <t>ゼイガク</t>
    </rPh>
    <rPh sb="7" eb="9">
      <t>ガイヨウ</t>
    </rPh>
    <phoneticPr fontId="2"/>
  </si>
  <si>
    <t>課税の区分</t>
    <rPh sb="0" eb="2">
      <t>カゼイ</t>
    </rPh>
    <rPh sb="3" eb="5">
      <t>クブン</t>
    </rPh>
    <phoneticPr fontId="2"/>
  </si>
  <si>
    <t>課税仕入使用分</t>
    <rPh sb="0" eb="2">
      <t>カゼイ</t>
    </rPh>
    <rPh sb="2" eb="4">
      <t>シイレ</t>
    </rPh>
    <rPh sb="4" eb="6">
      <t>シヨウ</t>
    </rPh>
    <rPh sb="6" eb="7">
      <t>ブン</t>
    </rPh>
    <phoneticPr fontId="2"/>
  </si>
  <si>
    <t>課税売上</t>
    <rPh sb="0" eb="2">
      <t>カゼイ</t>
    </rPh>
    <rPh sb="2" eb="4">
      <t>ウリアゲ</t>
    </rPh>
    <phoneticPr fontId="2"/>
  </si>
  <si>
    <t>非課税売上</t>
    <rPh sb="0" eb="3">
      <t>ヒカゼイ</t>
    </rPh>
    <rPh sb="3" eb="5">
      <t>ウリアゲ</t>
    </rPh>
    <phoneticPr fontId="2"/>
  </si>
  <si>
    <t>共通</t>
    <rPh sb="0" eb="2">
      <t>キョウツウ</t>
    </rPh>
    <phoneticPr fontId="2"/>
  </si>
  <si>
    <t>合計</t>
    <rPh sb="0" eb="2">
      <t>ゴウケイ</t>
    </rPh>
    <phoneticPr fontId="2"/>
  </si>
  <si>
    <t>対応分</t>
    <rPh sb="0" eb="2">
      <t>タイオウ</t>
    </rPh>
    <rPh sb="2" eb="3">
      <t>ブン</t>
    </rPh>
    <phoneticPr fontId="2"/>
  </si>
  <si>
    <t>(2)課税売上割合</t>
    <rPh sb="3" eb="5">
      <t>カゼイ</t>
    </rPh>
    <rPh sb="5" eb="7">
      <t>ウリアゲ</t>
    </rPh>
    <rPh sb="7" eb="9">
      <t>ワリアイ</t>
    </rPh>
    <phoneticPr fontId="2"/>
  </si>
  <si>
    <t>医療法人○○会</t>
    <rPh sb="0" eb="2">
      <t>イリョウ</t>
    </rPh>
    <rPh sb="2" eb="4">
      <t>ホウジン</t>
    </rPh>
    <phoneticPr fontId="2"/>
  </si>
  <si>
    <t>○○病院</t>
    <rPh sb="2" eb="4">
      <t>ビョウイン</t>
    </rPh>
    <phoneticPr fontId="2"/>
  </si>
  <si>
    <t>　神奈川県知事　殿</t>
    <rPh sb="1" eb="5">
      <t>カナガワケン</t>
    </rPh>
    <rPh sb="5" eb="7">
      <t>チジ</t>
    </rPh>
    <rPh sb="8" eb="9">
      <t>ドノ</t>
    </rPh>
    <phoneticPr fontId="2"/>
  </si>
  <si>
    <t>住所</t>
    <rPh sb="0" eb="2">
      <t>ジュウショ</t>
    </rPh>
    <phoneticPr fontId="2"/>
  </si>
  <si>
    <t>法人（団体）名</t>
    <rPh sb="0" eb="2">
      <t>ホウジン</t>
    </rPh>
    <rPh sb="3" eb="5">
      <t>ダンタイ</t>
    </rPh>
    <rPh sb="6" eb="7">
      <t>メイ</t>
    </rPh>
    <phoneticPr fontId="2"/>
  </si>
  <si>
    <t>代表者氏名</t>
    <rPh sb="0" eb="3">
      <t>ダイヒョウシャ</t>
    </rPh>
    <rPh sb="3" eb="5">
      <t>シメイ</t>
    </rPh>
    <phoneticPr fontId="2"/>
  </si>
  <si>
    <t>補助事業者</t>
    <rPh sb="0" eb="2">
      <t>ホジョ</t>
    </rPh>
    <rPh sb="2" eb="4">
      <t>ジギョウ</t>
    </rPh>
    <rPh sb="4" eb="5">
      <t>シャ</t>
    </rPh>
    <phoneticPr fontId="2"/>
  </si>
  <si>
    <t>　　　　　 消費税に係る仕入控除税額報告書</t>
    <rPh sb="6" eb="9">
      <t>ショウヒゼイ</t>
    </rPh>
    <rPh sb="10" eb="11">
      <t>カカ</t>
    </rPh>
    <rPh sb="12" eb="14">
      <t>シイレ</t>
    </rPh>
    <rPh sb="14" eb="16">
      <t>コウジョ</t>
    </rPh>
    <rPh sb="16" eb="18">
      <t>ゼイガク</t>
    </rPh>
    <rPh sb="18" eb="21">
      <t>ホウコクショ</t>
    </rPh>
    <phoneticPr fontId="2"/>
  </si>
  <si>
    <t>　１　補助金等に係る予算の執行の適正化に関する法律第15条に基づく額の確定額又は事業実績</t>
    <rPh sb="3" eb="6">
      <t>ホジョキン</t>
    </rPh>
    <rPh sb="6" eb="7">
      <t>トウ</t>
    </rPh>
    <rPh sb="8" eb="9">
      <t>カカ</t>
    </rPh>
    <rPh sb="10" eb="12">
      <t>ヨサン</t>
    </rPh>
    <rPh sb="13" eb="15">
      <t>シッコウ</t>
    </rPh>
    <rPh sb="16" eb="18">
      <t>テキセイ</t>
    </rPh>
    <rPh sb="18" eb="19">
      <t>カ</t>
    </rPh>
    <rPh sb="20" eb="21">
      <t>カン</t>
    </rPh>
    <rPh sb="23" eb="25">
      <t>ホウリツ</t>
    </rPh>
    <rPh sb="25" eb="26">
      <t>ダイ</t>
    </rPh>
    <rPh sb="28" eb="29">
      <t>ジョウ</t>
    </rPh>
    <rPh sb="30" eb="31">
      <t>モト</t>
    </rPh>
    <rPh sb="33" eb="34">
      <t>ガク</t>
    </rPh>
    <rPh sb="35" eb="37">
      <t>カクテイ</t>
    </rPh>
    <rPh sb="37" eb="38">
      <t>ガク</t>
    </rPh>
    <rPh sb="38" eb="39">
      <t>マタ</t>
    </rPh>
    <rPh sb="40" eb="42">
      <t>ジギョウ</t>
    </rPh>
    <rPh sb="42" eb="44">
      <t>ジッセキ</t>
    </rPh>
    <phoneticPr fontId="2"/>
  </si>
  <si>
    <t>　　報告額</t>
    <rPh sb="2" eb="4">
      <t>ホウコク</t>
    </rPh>
    <rPh sb="4" eb="5">
      <t>ガク</t>
    </rPh>
    <phoneticPr fontId="2"/>
  </si>
  <si>
    <t>　　</t>
    <phoneticPr fontId="2"/>
  </si>
  <si>
    <t>　２　消費税及び地方消費税の申告により確定した消費税及び地方消費税に係る仕入控除税額</t>
    <rPh sb="3" eb="6">
      <t>ショウヒゼイ</t>
    </rPh>
    <rPh sb="6" eb="7">
      <t>オヨ</t>
    </rPh>
    <rPh sb="8" eb="10">
      <t>チホウ</t>
    </rPh>
    <rPh sb="10" eb="13">
      <t>ショウヒゼイ</t>
    </rPh>
    <rPh sb="14" eb="16">
      <t>シンコク</t>
    </rPh>
    <rPh sb="19" eb="21">
      <t>カクテイ</t>
    </rPh>
    <rPh sb="23" eb="26">
      <t>ショウヒゼイ</t>
    </rPh>
    <rPh sb="26" eb="27">
      <t>オヨ</t>
    </rPh>
    <rPh sb="28" eb="30">
      <t>チホウ</t>
    </rPh>
    <rPh sb="30" eb="33">
      <t>ショウヒゼイ</t>
    </rPh>
    <rPh sb="34" eb="35">
      <t>カカ</t>
    </rPh>
    <rPh sb="36" eb="38">
      <t>シイレ</t>
    </rPh>
    <rPh sb="38" eb="40">
      <t>コウジョ</t>
    </rPh>
    <rPh sb="40" eb="42">
      <t>ゼイガク</t>
    </rPh>
    <phoneticPr fontId="2"/>
  </si>
  <si>
    <t>　３　添付書類</t>
    <rPh sb="3" eb="5">
      <t>テンプ</t>
    </rPh>
    <rPh sb="5" eb="7">
      <t>ショルイ</t>
    </rPh>
    <phoneticPr fontId="2"/>
  </si>
  <si>
    <t>　　(1)　別紙概要</t>
    <rPh sb="6" eb="8">
      <t>ベッシ</t>
    </rPh>
    <rPh sb="8" eb="10">
      <t>ガイヨウ</t>
    </rPh>
    <phoneticPr fontId="2"/>
  </si>
  <si>
    <t>　　(3)　その他参考となる書類（２の金額の積算の内訳等）</t>
    <rPh sb="8" eb="9">
      <t>タ</t>
    </rPh>
    <rPh sb="9" eb="11">
      <t>サンコウ</t>
    </rPh>
    <rPh sb="14" eb="16">
      <t>ショルイ</t>
    </rPh>
    <rPh sb="19" eb="21">
      <t>キンガク</t>
    </rPh>
    <rPh sb="22" eb="24">
      <t>セキサン</t>
    </rPh>
    <rPh sb="25" eb="27">
      <t>ウチワケ</t>
    </rPh>
    <rPh sb="27" eb="28">
      <t>トウ</t>
    </rPh>
    <phoneticPr fontId="2"/>
  </si>
  <si>
    <t>　○○部○○課　○○</t>
    <rPh sb="3" eb="4">
      <t>ブ</t>
    </rPh>
    <rPh sb="6" eb="7">
      <t>カ</t>
    </rPh>
    <phoneticPr fontId="2"/>
  </si>
  <si>
    <t>○○○―○○○―○○○○</t>
    <phoneticPr fontId="2"/>
  </si>
  <si>
    <t>○○○○＠○○○○</t>
    <phoneticPr fontId="2"/>
  </si>
  <si>
    <t>(施設名）</t>
    <rPh sb="1" eb="3">
      <t>シセツ</t>
    </rPh>
    <rPh sb="3" eb="4">
      <t>メイ</t>
    </rPh>
    <phoneticPr fontId="2"/>
  </si>
  <si>
    <t>補助金確定額</t>
    <rPh sb="0" eb="3">
      <t>ホジョキン</t>
    </rPh>
    <rPh sb="3" eb="5">
      <t>カクテイ</t>
    </rPh>
    <rPh sb="5" eb="6">
      <t>ガク</t>
    </rPh>
    <phoneticPr fontId="2"/>
  </si>
  <si>
    <t>(1)補助金の使途の内訳</t>
    <rPh sb="3" eb="6">
      <t>ホジョキン</t>
    </rPh>
    <rPh sb="7" eb="9">
      <t>シト</t>
    </rPh>
    <rPh sb="10" eb="12">
      <t>ウチワケ</t>
    </rPh>
    <phoneticPr fontId="2"/>
  </si>
  <si>
    <t xml:space="preserve"> 様式６</t>
    <rPh sb="1" eb="3">
      <t>ヨウシキ</t>
    </rPh>
    <phoneticPr fontId="2"/>
  </si>
  <si>
    <t>補助金について、交付決定通知書により付された条件に基づき、次のとおり報告します。</t>
    <rPh sb="0" eb="2">
      <t>ホジョ</t>
    </rPh>
    <rPh sb="2" eb="3">
      <t>キン</t>
    </rPh>
    <rPh sb="14" eb="15">
      <t>ショ</t>
    </rPh>
    <rPh sb="29" eb="30">
      <t>ツギ</t>
    </rPh>
    <rPh sb="34" eb="36">
      <t>ホウコク</t>
    </rPh>
    <phoneticPr fontId="2"/>
  </si>
  <si>
    <t>問合せ先</t>
    <rPh sb="0" eb="1">
      <t>ト</t>
    </rPh>
    <rPh sb="1" eb="2">
      <t>ア</t>
    </rPh>
    <rPh sb="3" eb="4">
      <t>サキ</t>
    </rPh>
    <phoneticPr fontId="2"/>
  </si>
  <si>
    <t>　電話</t>
    <rPh sb="1" eb="3">
      <t>デンワ</t>
    </rPh>
    <phoneticPr fontId="2"/>
  </si>
  <si>
    <t>　ﾒｰﾙｱﾄﾞﾚｽ</t>
    <phoneticPr fontId="2"/>
  </si>
  <si>
    <t>　　(2)　確定申告書の写し</t>
    <rPh sb="6" eb="8">
      <t>カクテイ</t>
    </rPh>
    <rPh sb="8" eb="10">
      <t>シンコク</t>
    </rPh>
    <rPh sb="10" eb="11">
      <t>ショ</t>
    </rPh>
    <rPh sb="12" eb="13">
      <t>ウツ</t>
    </rPh>
    <phoneticPr fontId="2"/>
  </si>
  <si>
    <t>　メール</t>
    <phoneticPr fontId="2"/>
  </si>
  <si>
    <t>　電　話</t>
    <rPh sb="1" eb="2">
      <t>デン</t>
    </rPh>
    <rPh sb="3" eb="4">
      <t>ハナシ</t>
    </rPh>
    <phoneticPr fontId="2"/>
  </si>
  <si>
    <t>別紙概要　「看護師等養成所運営費補助事業(返納がある場合)」</t>
    <rPh sb="0" eb="2">
      <t>ベッシ</t>
    </rPh>
    <rPh sb="2" eb="4">
      <t>ガイヨウ</t>
    </rPh>
    <rPh sb="6" eb="8">
      <t>カンゴ</t>
    </rPh>
    <rPh sb="8" eb="10">
      <t>シトウ</t>
    </rPh>
    <rPh sb="10" eb="13">
      <t>ヨウセイジョ</t>
    </rPh>
    <rPh sb="13" eb="15">
      <t>ウンエイ</t>
    </rPh>
    <rPh sb="15" eb="16">
      <t>ヒ</t>
    </rPh>
    <rPh sb="16" eb="18">
      <t>ホジョ</t>
    </rPh>
    <rPh sb="18" eb="20">
      <t>ジギョウ</t>
    </rPh>
    <rPh sb="21" eb="23">
      <t>ヘンノウ</t>
    </rPh>
    <rPh sb="26" eb="28">
      <t>バアイ</t>
    </rPh>
    <phoneticPr fontId="2"/>
  </si>
  <si>
    <t>養成所名</t>
    <rPh sb="0" eb="3">
      <t>ヨウセイジョ</t>
    </rPh>
    <rPh sb="3" eb="4">
      <t>メイ</t>
    </rPh>
    <phoneticPr fontId="2"/>
  </si>
  <si>
    <t>設置者氏名</t>
    <rPh sb="0" eb="2">
      <t>セッチ</t>
    </rPh>
    <rPh sb="2" eb="3">
      <t>シャ</t>
    </rPh>
    <rPh sb="3" eb="5">
      <t>シメイ</t>
    </rPh>
    <phoneticPr fontId="2"/>
  </si>
  <si>
    <t>施設所在地</t>
    <rPh sb="0" eb="2">
      <t>シセツ</t>
    </rPh>
    <rPh sb="2" eb="5">
      <t>ショザイチ</t>
    </rPh>
    <phoneticPr fontId="2"/>
  </si>
  <si>
    <t>看護師等養成所運営費補助事業</t>
    <rPh sb="0" eb="2">
      <t>カンゴ</t>
    </rPh>
    <rPh sb="2" eb="4">
      <t>シトウ</t>
    </rPh>
    <rPh sb="4" eb="7">
      <t>ヨウセイジョ</t>
    </rPh>
    <rPh sb="7" eb="9">
      <t>ウンエイ</t>
    </rPh>
    <rPh sb="9" eb="10">
      <t>ヒ</t>
    </rPh>
    <rPh sb="10" eb="12">
      <t>ホジョ</t>
    </rPh>
    <rPh sb="12" eb="14">
      <t>ジギョウ</t>
    </rPh>
    <phoneticPr fontId="2"/>
  </si>
  <si>
    <t>非課税仕入</t>
    <rPh sb="0" eb="3">
      <t>ヒカゼイ</t>
    </rPh>
    <rPh sb="3" eb="5">
      <t>シイレ</t>
    </rPh>
    <phoneticPr fontId="2"/>
  </si>
  <si>
    <t>経費の区分</t>
    <rPh sb="0" eb="2">
      <t>ケイヒ</t>
    </rPh>
    <rPh sb="3" eb="5">
      <t>クブン</t>
    </rPh>
    <phoneticPr fontId="2"/>
  </si>
  <si>
    <t>(3)仕入控除税額 (一括比例配分方式)</t>
    <rPh sb="3" eb="5">
      <t>シイレ</t>
    </rPh>
    <rPh sb="5" eb="7">
      <t>コウジョ</t>
    </rPh>
    <rPh sb="7" eb="9">
      <t>ゼイガク</t>
    </rPh>
    <rPh sb="11" eb="13">
      <t>イッカツ</t>
    </rPh>
    <rPh sb="13" eb="15">
      <t>ヒレイ</t>
    </rPh>
    <rPh sb="15" eb="17">
      <t>ハイブン</t>
    </rPh>
    <rPh sb="17" eb="19">
      <t>ホウシキ</t>
    </rPh>
    <phoneticPr fontId="2"/>
  </si>
  <si>
    <t>別紙概要　「看護師等養成所運営費補助事業(返納がある場合)」</t>
    <rPh sb="0" eb="2">
      <t>ベッシ</t>
    </rPh>
    <rPh sb="2" eb="4">
      <t>ガイヨウ</t>
    </rPh>
    <rPh sb="6" eb="10">
      <t>カンゴシナド</t>
    </rPh>
    <rPh sb="10" eb="13">
      <t>ヨウセイジョ</t>
    </rPh>
    <rPh sb="13" eb="16">
      <t>ウンエイヒ</t>
    </rPh>
    <rPh sb="16" eb="18">
      <t>ホジョ</t>
    </rPh>
    <rPh sb="18" eb="20">
      <t>ジギョウ</t>
    </rPh>
    <rPh sb="21" eb="23">
      <t>ヘンノウ</t>
    </rPh>
    <rPh sb="26" eb="28">
      <t>バアイ</t>
    </rPh>
    <phoneticPr fontId="2"/>
  </si>
  <si>
    <t>(1)経費の内訳</t>
    <rPh sb="3" eb="5">
      <t>ケイヒ</t>
    </rPh>
    <rPh sb="6" eb="8">
      <t>ウチワケ</t>
    </rPh>
    <phoneticPr fontId="2"/>
  </si>
  <si>
    <t>補助対象経費の区分</t>
    <rPh sb="0" eb="2">
      <t>ホジョ</t>
    </rPh>
    <rPh sb="2" eb="4">
      <t>タイショウ</t>
    </rPh>
    <rPh sb="4" eb="6">
      <t>ケイヒ</t>
    </rPh>
    <rPh sb="7" eb="9">
      <t>クブン</t>
    </rPh>
    <phoneticPr fontId="2"/>
  </si>
  <si>
    <t>(3)支出のうち課税仕入の占める割合(共通対応分)</t>
    <rPh sb="3" eb="5">
      <t>シシュツ</t>
    </rPh>
    <rPh sb="8" eb="10">
      <t>カゼイ</t>
    </rPh>
    <rPh sb="10" eb="12">
      <t>シイレ</t>
    </rPh>
    <rPh sb="13" eb="14">
      <t>シ</t>
    </rPh>
    <rPh sb="16" eb="18">
      <t>ワリアイ</t>
    </rPh>
    <rPh sb="19" eb="21">
      <t>キョウツウ</t>
    </rPh>
    <rPh sb="21" eb="23">
      <t>タイオウ</t>
    </rPh>
    <rPh sb="23" eb="24">
      <t>ブン</t>
    </rPh>
    <phoneticPr fontId="2"/>
  </si>
  <si>
    <t>(4)仕入控除税額 (個別対応方式)</t>
    <rPh sb="3" eb="5">
      <t>シイレ</t>
    </rPh>
    <rPh sb="5" eb="7">
      <t>コウジョ</t>
    </rPh>
    <rPh sb="7" eb="9">
      <t>ゼイガク</t>
    </rPh>
    <rPh sb="11" eb="13">
      <t>コベツ</t>
    </rPh>
    <rPh sb="13" eb="15">
      <t>タイオウ</t>
    </rPh>
    <rPh sb="15" eb="17">
      <t>ホウシキ</t>
    </rPh>
    <phoneticPr fontId="2"/>
  </si>
  <si>
    <t>別紙概要　「看護師等養成所運営費補助事業」(返納がない場合)</t>
    <rPh sb="0" eb="2">
      <t>ベッシ</t>
    </rPh>
    <rPh sb="2" eb="4">
      <t>ガイヨウ</t>
    </rPh>
    <rPh sb="6" eb="8">
      <t>カンゴ</t>
    </rPh>
    <rPh sb="8" eb="10">
      <t>シトウ</t>
    </rPh>
    <rPh sb="10" eb="13">
      <t>ヨウセイジョ</t>
    </rPh>
    <rPh sb="13" eb="16">
      <t>ウンエイヒ</t>
    </rPh>
    <rPh sb="16" eb="18">
      <t>ホジョ</t>
    </rPh>
    <rPh sb="18" eb="20">
      <t>ジギョウ</t>
    </rPh>
    <rPh sb="22" eb="24">
      <t>ヘンノウ</t>
    </rPh>
    <rPh sb="27" eb="29">
      <t>バアイ</t>
    </rPh>
    <phoneticPr fontId="2"/>
  </si>
  <si>
    <t>○○看護専門学校 (看護師３年課程全日制)</t>
    <rPh sb="2" eb="4">
      <t>カンゴ</t>
    </rPh>
    <rPh sb="4" eb="6">
      <t>センモン</t>
    </rPh>
    <rPh sb="6" eb="8">
      <t>ガッコウ</t>
    </rPh>
    <rPh sb="10" eb="12">
      <t>カンゴ</t>
    </rPh>
    <rPh sb="12" eb="13">
      <t>シ</t>
    </rPh>
    <rPh sb="14" eb="15">
      <t>ネン</t>
    </rPh>
    <rPh sb="15" eb="17">
      <t>カテイ</t>
    </rPh>
    <rPh sb="17" eb="20">
      <t>ゼンジツセイ</t>
    </rPh>
    <phoneticPr fontId="2"/>
  </si>
  <si>
    <t>○○法人△△会 理事長 ○○ 花子</t>
    <rPh sb="2" eb="4">
      <t>ホウジン</t>
    </rPh>
    <rPh sb="6" eb="7">
      <t>カイ</t>
    </rPh>
    <rPh sb="8" eb="11">
      <t>リジチョウ</t>
    </rPh>
    <rPh sb="15" eb="17">
      <t>ハナコ</t>
    </rPh>
    <phoneticPr fontId="2"/>
  </si>
  <si>
    <t>○○市××町１－１</t>
    <rPh sb="2" eb="3">
      <t>シ</t>
    </rPh>
    <rPh sb="5" eb="6">
      <t>チョウ</t>
    </rPh>
    <phoneticPr fontId="2"/>
  </si>
  <si>
    <t>１８，０１５，０００円</t>
    <rPh sb="10" eb="11">
      <t>エン</t>
    </rPh>
    <phoneticPr fontId="2"/>
  </si>
  <si>
    <t>教員経費</t>
    <rPh sb="0" eb="2">
      <t>キョウイン</t>
    </rPh>
    <rPh sb="2" eb="4">
      <t>ケイヒ</t>
    </rPh>
    <phoneticPr fontId="2"/>
  </si>
  <si>
    <t>事務職員経費</t>
    <rPh sb="0" eb="2">
      <t>ジム</t>
    </rPh>
    <rPh sb="2" eb="4">
      <t>ショクイン</t>
    </rPh>
    <rPh sb="4" eb="6">
      <t>ケイヒ</t>
    </rPh>
    <phoneticPr fontId="2"/>
  </si>
  <si>
    <t>生徒費</t>
    <rPh sb="0" eb="2">
      <t>セイト</t>
    </rPh>
    <rPh sb="2" eb="3">
      <t>ヒ</t>
    </rPh>
    <phoneticPr fontId="2"/>
  </si>
  <si>
    <t>実習施設謝金</t>
    <rPh sb="0" eb="2">
      <t>ジッシュウ</t>
    </rPh>
    <rPh sb="2" eb="4">
      <t>シセツ</t>
    </rPh>
    <rPh sb="4" eb="6">
      <t>シャキン</t>
    </rPh>
    <phoneticPr fontId="2"/>
  </si>
  <si>
    <t>○○看護専門学校 (看護師３年課程全日制)</t>
    <rPh sb="2" eb="4">
      <t>カンゴ</t>
    </rPh>
    <rPh sb="4" eb="6">
      <t>センモン</t>
    </rPh>
    <rPh sb="6" eb="8">
      <t>ガッコウ</t>
    </rPh>
    <rPh sb="10" eb="12">
      <t>カンゴ</t>
    </rPh>
    <rPh sb="12" eb="13">
      <t>シ</t>
    </rPh>
    <rPh sb="14" eb="15">
      <t>ネン</t>
    </rPh>
    <rPh sb="15" eb="17">
      <t>カテイ</t>
    </rPh>
    <rPh sb="17" eb="20">
      <t>ゼンニチセイ</t>
    </rPh>
    <phoneticPr fontId="2"/>
  </si>
  <si>
    <t>10,500,000/85,000,000＝0.123529411･･･</t>
    <phoneticPr fontId="2"/>
  </si>
  <si>
    <t>別紙概要　「看護師等養成所運営費補助事業」(返納がない場合)</t>
    <rPh sb="0" eb="2">
      <t>ベッシ</t>
    </rPh>
    <rPh sb="2" eb="4">
      <t>ガイヨウ</t>
    </rPh>
    <rPh sb="6" eb="10">
      <t>カンゴシナド</t>
    </rPh>
    <rPh sb="10" eb="13">
      <t>ヨウセイジョ</t>
    </rPh>
    <rPh sb="13" eb="16">
      <t>ウンエイヒ</t>
    </rPh>
    <rPh sb="16" eb="18">
      <t>ホジョ</t>
    </rPh>
    <rPh sb="18" eb="20">
      <t>ジギョウ</t>
    </rPh>
    <rPh sb="22" eb="24">
      <t>ヘンノウ</t>
    </rPh>
    <rPh sb="27" eb="29">
      <t>バアイ</t>
    </rPh>
    <phoneticPr fontId="2"/>
  </si>
  <si>
    <t>○○○○○○○○○○○○○○○○。</t>
    <phoneticPr fontId="2"/>
  </si>
  <si>
    <t>令和　年　月　日</t>
    <rPh sb="0" eb="2">
      <t>レイワ</t>
    </rPh>
    <rPh sb="5" eb="6">
      <t>ガツ</t>
    </rPh>
    <rPh sb="7" eb="8">
      <t>ニチ</t>
    </rPh>
    <phoneticPr fontId="2"/>
  </si>
  <si>
    <t>　(300,000＋2,715,000)×(10/110)×(2,010,000,000/50,000,000,000)＝11,018（*）</t>
    <phoneticPr fontId="2"/>
  </si>
  <si>
    <t>　18,015,000×(10,500,000/85,000,000)×(10/110)×(2,010,000,000/50,000,000,000)＝8,132（*）</t>
    <phoneticPr fontId="2"/>
  </si>
  <si>
    <t xml:space="preserve">           令和６年度神奈川県地域医療介護総合確保基金事業費に係る消費税及び地方</t>
    <rPh sb="11" eb="13">
      <t>レイワ</t>
    </rPh>
    <rPh sb="14" eb="15">
      <t>ネン</t>
    </rPh>
    <rPh sb="15" eb="16">
      <t>ド</t>
    </rPh>
    <rPh sb="16" eb="20">
      <t>カナガワケン</t>
    </rPh>
    <rPh sb="20" eb="22">
      <t>チイキ</t>
    </rPh>
    <rPh sb="22" eb="24">
      <t>イリョウ</t>
    </rPh>
    <rPh sb="24" eb="26">
      <t>カイゴ</t>
    </rPh>
    <rPh sb="26" eb="28">
      <t>ソウゴウ</t>
    </rPh>
    <rPh sb="28" eb="30">
      <t>カクホ</t>
    </rPh>
    <rPh sb="30" eb="32">
      <t>キキン</t>
    </rPh>
    <rPh sb="32" eb="34">
      <t>ジギョウ</t>
    </rPh>
    <rPh sb="34" eb="35">
      <t>ヒ</t>
    </rPh>
    <rPh sb="36" eb="37">
      <t>カカ</t>
    </rPh>
    <rPh sb="38" eb="41">
      <t>ショウヒゼイ</t>
    </rPh>
    <rPh sb="41" eb="42">
      <t>オヨ</t>
    </rPh>
    <rPh sb="43" eb="45">
      <t>チホウ</t>
    </rPh>
    <phoneticPr fontId="2"/>
  </si>
  <si>
    <t>　令和７年１月６日付け健総第10334号により交付決定があった看護師等養成所運営費補助事業に係る</t>
    <rPh sb="1" eb="3">
      <t>レイワ</t>
    </rPh>
    <rPh sb="6" eb="7">
      <t>ガツ</t>
    </rPh>
    <rPh sb="8" eb="9">
      <t>ニチ</t>
    </rPh>
    <rPh sb="9" eb="10">
      <t>ヅ</t>
    </rPh>
    <rPh sb="11" eb="12">
      <t>ケン</t>
    </rPh>
    <rPh sb="12" eb="13">
      <t>ソウ</t>
    </rPh>
    <rPh sb="13" eb="14">
      <t>ダイ</t>
    </rPh>
    <rPh sb="19" eb="20">
      <t>ゴウ</t>
    </rPh>
    <rPh sb="23" eb="25">
      <t>コウフ</t>
    </rPh>
    <rPh sb="25" eb="27">
      <t>ケッテイ</t>
    </rPh>
    <rPh sb="31" eb="34">
      <t>カンゴシ</t>
    </rPh>
    <rPh sb="34" eb="35">
      <t>トウ</t>
    </rPh>
    <rPh sb="35" eb="38">
      <t>ヨウセイジョ</t>
    </rPh>
    <rPh sb="38" eb="41">
      <t>ウンエイヒ</t>
    </rPh>
    <rPh sb="41" eb="43">
      <t>ホジョ</t>
    </rPh>
    <rPh sb="43" eb="45">
      <t>ジギョウ</t>
    </rPh>
    <rPh sb="46" eb="47">
      <t>カカ</t>
    </rPh>
    <phoneticPr fontId="2"/>
  </si>
  <si>
    <r>
      <t>令和７年</t>
    </r>
    <r>
      <rPr>
        <sz val="11"/>
        <rFont val="HG丸ｺﾞｼｯｸM-PRO"/>
        <family val="3"/>
        <charset val="128"/>
      </rPr>
      <t>○</t>
    </r>
    <r>
      <rPr>
        <sz val="11"/>
        <rFont val="ＭＳ 明朝"/>
        <family val="1"/>
        <charset val="128"/>
      </rPr>
      <t>月</t>
    </r>
    <r>
      <rPr>
        <sz val="11"/>
        <rFont val="HG丸ｺﾞｼｯｸM-PRO"/>
        <family val="3"/>
        <charset val="128"/>
      </rPr>
      <t>○</t>
    </r>
    <r>
      <rPr>
        <sz val="11"/>
        <rFont val="ＭＳ 明朝"/>
        <family val="1"/>
        <charset val="128"/>
      </rPr>
      <t>日</t>
    </r>
    <rPh sb="0" eb="2">
      <t>レイワ</t>
    </rPh>
    <rPh sb="5" eb="6">
      <t>ガツ</t>
    </rPh>
    <rPh sb="7" eb="8">
      <t>ニチ</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0_ "/>
    <numFmt numFmtId="177" formatCode="#,##0&quot;円&quot;"/>
    <numFmt numFmtId="178" formatCode="#,##0.0###############&quot;％&quot;"/>
    <numFmt numFmtId="179" formatCode="[$-411]ggge&quot;年&quot;m&quot;月&quot;d&quot;日&quot;;@"/>
    <numFmt numFmtId="180" formatCode="#,##0.0;[Red]\-#,##0.0"/>
    <numFmt numFmtId="181" formatCode="#,##0_ &quot;円&quot;"/>
    <numFmt numFmtId="182" formatCode="0.00000%"/>
  </numFmts>
  <fonts count="8" x14ac:knownFonts="1">
    <font>
      <sz val="11"/>
      <name val="ＭＳ 明朝"/>
      <family val="1"/>
      <charset val="128"/>
    </font>
    <font>
      <sz val="11"/>
      <name val="ＭＳ 明朝"/>
      <family val="1"/>
      <charset val="128"/>
    </font>
    <font>
      <sz val="6"/>
      <name val="ＭＳ 明朝"/>
      <family val="1"/>
      <charset val="128"/>
    </font>
    <font>
      <sz val="11"/>
      <name val="ＭＳ ゴシック"/>
      <family val="3"/>
      <charset val="128"/>
    </font>
    <font>
      <sz val="11"/>
      <name val="ＭＳ Ｐ明朝"/>
      <family val="1"/>
      <charset val="128"/>
    </font>
    <font>
      <sz val="11"/>
      <name val="HG丸ｺﾞｼｯｸM-PRO"/>
      <family val="3"/>
      <charset val="128"/>
    </font>
    <font>
      <sz val="11"/>
      <color rgb="FFFF0000"/>
      <name val="ＭＳ 明朝"/>
      <family val="1"/>
      <charset val="128"/>
    </font>
    <font>
      <sz val="9"/>
      <color rgb="FF000000"/>
      <name val="ＭＳ ゴシック"/>
      <family val="3"/>
      <charset val="128"/>
    </font>
  </fonts>
  <fills count="2">
    <fill>
      <patternFill patternType="none"/>
    </fill>
    <fill>
      <patternFill patternType="gray125"/>
    </fill>
  </fills>
  <borders count="31">
    <border>
      <left/>
      <right/>
      <top/>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right/>
      <top style="thin">
        <color indexed="64"/>
      </top>
      <bottom/>
      <diagonal/>
    </border>
    <border>
      <left style="hair">
        <color indexed="64"/>
      </left>
      <right style="hair">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9" fontId="1" fillId="0" borderId="0" applyFont="0" applyFill="0" applyBorder="0" applyAlignment="0" applyProtection="0">
      <alignment vertical="center"/>
    </xf>
  </cellStyleXfs>
  <cellXfs count="103">
    <xf numFmtId="0" fontId="0" fillId="0" borderId="0" xfId="0">
      <alignment vertical="center"/>
    </xf>
    <xf numFmtId="0" fontId="3" fillId="0" borderId="0" xfId="0" applyFont="1">
      <alignment vertical="center"/>
    </xf>
    <xf numFmtId="0" fontId="0" fillId="0" borderId="9" xfId="0" applyBorder="1" applyAlignment="1">
      <alignment horizontal="center" vertical="center"/>
    </xf>
    <xf numFmtId="0" fontId="0" fillId="0" borderId="0" xfId="0" applyFont="1">
      <alignment vertical="center"/>
    </xf>
    <xf numFmtId="0" fontId="4" fillId="0" borderId="0" xfId="0" applyFont="1" applyAlignment="1">
      <alignment horizontal="right" vertical="center"/>
    </xf>
    <xf numFmtId="179" fontId="0" fillId="0" borderId="0" xfId="0" applyNumberFormat="1" applyFont="1" applyAlignment="1">
      <alignment horizontal="right" vertical="center"/>
    </xf>
    <xf numFmtId="0" fontId="4" fillId="0" borderId="0" xfId="0" applyFont="1" applyAlignment="1">
      <alignment vertical="center" shrinkToFit="1"/>
    </xf>
    <xf numFmtId="0" fontId="0" fillId="0" borderId="0" xfId="0" applyFont="1" applyAlignment="1">
      <alignment vertical="center" shrinkToFit="1"/>
    </xf>
    <xf numFmtId="0" fontId="0" fillId="0" borderId="0" xfId="0" applyFont="1" applyAlignment="1">
      <alignment horizontal="center" vertical="center"/>
    </xf>
    <xf numFmtId="0" fontId="0" fillId="0" borderId="0" xfId="0" applyFont="1" applyAlignment="1">
      <alignment horizontal="left" vertical="center"/>
    </xf>
    <xf numFmtId="0" fontId="0" fillId="0" borderId="0" xfId="0" applyFont="1" applyAlignment="1">
      <alignment vertical="center"/>
    </xf>
    <xf numFmtId="0" fontId="0" fillId="0" borderId="0" xfId="0" applyFont="1" applyAlignment="1">
      <alignment horizontal="distributed" vertical="center"/>
    </xf>
    <xf numFmtId="0" fontId="0" fillId="0" borderId="0" xfId="0" applyAlignment="1">
      <alignment horizontal="left" vertical="center"/>
    </xf>
    <xf numFmtId="0" fontId="0" fillId="0" borderId="0" xfId="0" applyAlignment="1">
      <alignment horizontal="right" vertical="center"/>
    </xf>
    <xf numFmtId="0" fontId="0" fillId="0" borderId="0" xfId="0" applyAlignment="1">
      <alignment vertical="center"/>
    </xf>
    <xf numFmtId="0" fontId="0" fillId="0" borderId="0" xfId="0" applyProtection="1">
      <alignment vertical="center"/>
      <protection locked="0"/>
    </xf>
    <xf numFmtId="0" fontId="5" fillId="0" borderId="0" xfId="0" applyFont="1">
      <alignment vertical="center"/>
    </xf>
    <xf numFmtId="0" fontId="5" fillId="0" borderId="0" xfId="0" applyFont="1" applyAlignment="1">
      <alignment vertical="center"/>
    </xf>
    <xf numFmtId="0" fontId="0" fillId="0" borderId="0" xfId="0" applyFont="1" applyAlignment="1">
      <alignment vertical="center" wrapText="1"/>
    </xf>
    <xf numFmtId="0" fontId="6" fillId="0" borderId="0" xfId="0" applyFont="1" applyAlignment="1">
      <alignment horizontal="left" vertical="center"/>
    </xf>
    <xf numFmtId="0" fontId="0" fillId="0" borderId="0" xfId="0" applyFont="1" applyAlignment="1">
      <alignment horizontal="right" vertical="center"/>
    </xf>
    <xf numFmtId="0" fontId="0" fillId="0" borderId="1" xfId="0" applyFont="1" applyBorder="1" applyAlignment="1">
      <alignment horizontal="center" vertical="center"/>
    </xf>
    <xf numFmtId="177" fontId="0" fillId="0" borderId="0" xfId="0" applyNumberFormat="1" applyAlignment="1" applyProtection="1">
      <alignment vertical="center"/>
      <protection locked="0"/>
    </xf>
    <xf numFmtId="0" fontId="0" fillId="0" borderId="2" xfId="0" applyFont="1" applyBorder="1">
      <alignment vertical="center"/>
    </xf>
    <xf numFmtId="0" fontId="0" fillId="0" borderId="3" xfId="0" applyFont="1" applyBorder="1">
      <alignment vertical="center"/>
    </xf>
    <xf numFmtId="0" fontId="0" fillId="0" borderId="4" xfId="0" applyFont="1" applyBorder="1">
      <alignment vertical="center"/>
    </xf>
    <xf numFmtId="0" fontId="0" fillId="0" borderId="5" xfId="0" applyFont="1" applyBorder="1">
      <alignment vertical="center"/>
    </xf>
    <xf numFmtId="0" fontId="0" fillId="0" borderId="5" xfId="0" applyFont="1" applyBorder="1" applyAlignment="1">
      <alignment horizontal="center" vertical="center"/>
    </xf>
    <xf numFmtId="0" fontId="0" fillId="0" borderId="6" xfId="0" applyFont="1" applyBorder="1">
      <alignment vertical="center"/>
    </xf>
    <xf numFmtId="0" fontId="0" fillId="0" borderId="7" xfId="0" applyFont="1" applyBorder="1">
      <alignment vertical="center"/>
    </xf>
    <xf numFmtId="0" fontId="0" fillId="0" borderId="8" xfId="0" applyFont="1" applyBorder="1">
      <alignment vertical="center"/>
    </xf>
    <xf numFmtId="0" fontId="0" fillId="0" borderId="9" xfId="0" applyFont="1" applyBorder="1" applyAlignment="1">
      <alignment horizontal="center" vertical="center"/>
    </xf>
    <xf numFmtId="0" fontId="0" fillId="0" borderId="10" xfId="0" applyFont="1" applyBorder="1" applyAlignment="1">
      <alignment horizontal="center" vertical="center"/>
    </xf>
    <xf numFmtId="0" fontId="0" fillId="0" borderId="11" xfId="0" applyFont="1" applyBorder="1" applyAlignment="1">
      <alignment horizontal="center" vertical="center"/>
    </xf>
    <xf numFmtId="0" fontId="0" fillId="0" borderId="3" xfId="0" applyFont="1" applyBorder="1" applyAlignment="1">
      <alignment horizontal="center" vertical="center"/>
    </xf>
    <xf numFmtId="0" fontId="0" fillId="0" borderId="12" xfId="0" applyFont="1" applyBorder="1">
      <alignment vertical="center"/>
    </xf>
    <xf numFmtId="0" fontId="0" fillId="0" borderId="13" xfId="0" applyFont="1" applyBorder="1">
      <alignment vertical="center"/>
    </xf>
    <xf numFmtId="0" fontId="0" fillId="0" borderId="14" xfId="0" applyFont="1" applyBorder="1" applyAlignment="1">
      <alignment horizontal="center" vertical="center"/>
    </xf>
    <xf numFmtId="0" fontId="0" fillId="0" borderId="13" xfId="0" applyFont="1" applyBorder="1" applyAlignment="1">
      <alignment horizontal="center" vertical="center"/>
    </xf>
    <xf numFmtId="0" fontId="0" fillId="0" borderId="15" xfId="0" applyFont="1" applyBorder="1" applyAlignment="1">
      <alignment horizontal="center" vertical="center"/>
    </xf>
    <xf numFmtId="0" fontId="0" fillId="0" borderId="16" xfId="0" applyFont="1" applyBorder="1">
      <alignment vertical="center"/>
    </xf>
    <xf numFmtId="176" fontId="0" fillId="0" borderId="16" xfId="0" applyNumberFormat="1" applyFont="1" applyBorder="1" applyProtection="1">
      <alignment vertical="center"/>
      <protection locked="0"/>
    </xf>
    <xf numFmtId="176" fontId="0" fillId="0" borderId="17" xfId="0" applyNumberFormat="1" applyFont="1" applyBorder="1" applyProtection="1">
      <alignment vertical="center"/>
      <protection locked="0"/>
    </xf>
    <xf numFmtId="176" fontId="0" fillId="0" borderId="18" xfId="0" applyNumberFormat="1" applyFont="1" applyBorder="1" applyProtection="1">
      <alignment vertical="center"/>
      <protection locked="0"/>
    </xf>
    <xf numFmtId="176" fontId="0" fillId="0" borderId="19" xfId="0" applyNumberFormat="1" applyFont="1" applyBorder="1" applyProtection="1">
      <alignment vertical="center"/>
      <protection locked="0"/>
    </xf>
    <xf numFmtId="176" fontId="0" fillId="0" borderId="19" xfId="0" applyNumberFormat="1" applyFont="1" applyBorder="1">
      <alignment vertical="center"/>
    </xf>
    <xf numFmtId="0" fontId="0" fillId="0" borderId="27" xfId="0" applyFont="1" applyBorder="1">
      <alignment vertical="center"/>
    </xf>
    <xf numFmtId="176" fontId="0" fillId="0" borderId="27" xfId="0" applyNumberFormat="1" applyFont="1" applyBorder="1" applyProtection="1">
      <alignment vertical="center"/>
      <protection locked="0"/>
    </xf>
    <xf numFmtId="176" fontId="0" fillId="0" borderId="28" xfId="0" applyNumberFormat="1" applyFont="1" applyBorder="1" applyProtection="1">
      <alignment vertical="center"/>
      <protection locked="0"/>
    </xf>
    <xf numFmtId="176" fontId="0" fillId="0" borderId="29" xfId="0" applyNumberFormat="1" applyFont="1" applyBorder="1" applyProtection="1">
      <alignment vertical="center"/>
      <protection locked="0"/>
    </xf>
    <xf numFmtId="176" fontId="0" fillId="0" borderId="30" xfId="0" applyNumberFormat="1" applyFont="1" applyBorder="1" applyProtection="1">
      <alignment vertical="center"/>
      <protection locked="0"/>
    </xf>
    <xf numFmtId="176" fontId="0" fillId="0" borderId="30" xfId="0" applyNumberFormat="1" applyFont="1" applyBorder="1">
      <alignment vertical="center"/>
    </xf>
    <xf numFmtId="0" fontId="0" fillId="0" borderId="20" xfId="0" applyFont="1" applyBorder="1">
      <alignment vertical="center"/>
    </xf>
    <xf numFmtId="176" fontId="0" fillId="0" borderId="20" xfId="0" applyNumberFormat="1" applyFont="1" applyBorder="1" applyProtection="1">
      <alignment vertical="center"/>
      <protection locked="0"/>
    </xf>
    <xf numFmtId="176" fontId="0" fillId="0" borderId="21" xfId="0" applyNumberFormat="1" applyFont="1" applyBorder="1" applyProtection="1">
      <alignment vertical="center"/>
      <protection locked="0"/>
    </xf>
    <xf numFmtId="176" fontId="0" fillId="0" borderId="22" xfId="0" applyNumberFormat="1" applyFont="1" applyBorder="1" applyProtection="1">
      <alignment vertical="center"/>
      <protection locked="0"/>
    </xf>
    <xf numFmtId="176" fontId="0" fillId="0" borderId="23" xfId="0" applyNumberFormat="1" applyFont="1" applyBorder="1" applyProtection="1">
      <alignment vertical="center"/>
      <protection locked="0"/>
    </xf>
    <xf numFmtId="176" fontId="0" fillId="0" borderId="23" xfId="0" applyNumberFormat="1" applyFont="1" applyBorder="1">
      <alignment vertical="center"/>
    </xf>
    <xf numFmtId="176" fontId="0" fillId="0" borderId="4" xfId="0" applyNumberFormat="1" applyFont="1" applyBorder="1">
      <alignment vertical="center"/>
    </xf>
    <xf numFmtId="176" fontId="0" fillId="0" borderId="24" xfId="0" applyNumberFormat="1" applyFont="1" applyBorder="1">
      <alignment vertical="center"/>
    </xf>
    <xf numFmtId="176" fontId="0" fillId="0" borderId="6" xfId="0" applyNumberFormat="1" applyFont="1" applyBorder="1">
      <alignment vertical="center"/>
    </xf>
    <xf numFmtId="176" fontId="0" fillId="0" borderId="25" xfId="0" applyNumberFormat="1" applyFont="1" applyBorder="1">
      <alignment vertical="center"/>
    </xf>
    <xf numFmtId="0" fontId="0" fillId="0" borderId="0" xfId="0" applyFont="1" applyBorder="1" applyAlignment="1">
      <alignment horizontal="center" vertical="center"/>
    </xf>
    <xf numFmtId="0" fontId="0" fillId="0" borderId="0" xfId="0" applyFont="1" applyFill="1" applyBorder="1">
      <alignment vertical="center"/>
    </xf>
    <xf numFmtId="178" fontId="0" fillId="0" borderId="0" xfId="0" applyNumberFormat="1" applyFont="1" applyFill="1" applyAlignment="1" applyProtection="1">
      <alignment vertical="center"/>
      <protection locked="0"/>
    </xf>
    <xf numFmtId="0" fontId="0" fillId="0" borderId="0" xfId="0" applyFont="1" applyFill="1" applyAlignment="1">
      <alignment vertical="center"/>
    </xf>
    <xf numFmtId="0" fontId="0" fillId="0" borderId="0" xfId="0" applyFont="1" applyFill="1">
      <alignment vertical="center"/>
    </xf>
    <xf numFmtId="40" fontId="0" fillId="0" borderId="0" xfId="1" applyNumberFormat="1" applyFont="1">
      <alignment vertical="center"/>
    </xf>
    <xf numFmtId="0" fontId="0" fillId="0" borderId="0" xfId="0" quotePrefix="1" applyFill="1">
      <alignment vertical="center"/>
    </xf>
    <xf numFmtId="178" fontId="0" fillId="0" borderId="0" xfId="0" applyNumberFormat="1" applyFont="1" applyAlignment="1" applyProtection="1">
      <alignment vertical="center"/>
      <protection locked="0"/>
    </xf>
    <xf numFmtId="0" fontId="0" fillId="0" borderId="0" xfId="0" quotePrefix="1">
      <alignment vertical="center"/>
    </xf>
    <xf numFmtId="180" fontId="0" fillId="0" borderId="0" xfId="1" applyNumberFormat="1" applyFont="1">
      <alignment vertical="center"/>
    </xf>
    <xf numFmtId="0" fontId="0" fillId="0" borderId="0" xfId="0" applyFont="1" applyProtection="1">
      <alignment vertical="center"/>
      <protection locked="0"/>
    </xf>
    <xf numFmtId="181" fontId="0" fillId="0" borderId="0" xfId="0" applyNumberFormat="1" applyFont="1">
      <alignment vertical="center"/>
    </xf>
    <xf numFmtId="182" fontId="0" fillId="0" borderId="0" xfId="2" applyNumberFormat="1" applyFont="1" applyAlignment="1">
      <alignment horizontal="right" vertical="center"/>
    </xf>
    <xf numFmtId="0" fontId="7" fillId="0" borderId="0" xfId="0" applyFont="1" applyAlignment="1">
      <alignment horizontal="left" vertical="center" readingOrder="1"/>
    </xf>
    <xf numFmtId="0" fontId="0" fillId="0" borderId="0" xfId="0" applyAlignment="1">
      <alignment horizontal="left" vertical="center"/>
    </xf>
    <xf numFmtId="0" fontId="0" fillId="0" borderId="0" xfId="0" applyFont="1" applyAlignment="1">
      <alignment horizontal="left" vertical="center"/>
    </xf>
    <xf numFmtId="0" fontId="0" fillId="0" borderId="0" xfId="0" applyFont="1" applyBorder="1" applyAlignment="1">
      <alignment horizontal="right" vertical="center"/>
    </xf>
    <xf numFmtId="0" fontId="4" fillId="0" borderId="0" xfId="0" applyFont="1" applyBorder="1" applyAlignment="1">
      <alignment horizontal="right" vertical="center"/>
    </xf>
    <xf numFmtId="0" fontId="3" fillId="0" borderId="0" xfId="0" applyFont="1" applyBorder="1" applyAlignment="1">
      <alignment horizontal="center" vertical="center"/>
    </xf>
    <xf numFmtId="0" fontId="0" fillId="0" borderId="0" xfId="0" applyAlignment="1">
      <alignment horizontal="left" vertical="center"/>
    </xf>
    <xf numFmtId="0" fontId="0" fillId="0" borderId="0" xfId="0" applyAlignment="1">
      <alignment horizontal="left" vertical="center"/>
    </xf>
    <xf numFmtId="179" fontId="0" fillId="0" borderId="0" xfId="0" applyNumberFormat="1" applyFont="1" applyAlignment="1">
      <alignment horizontal="right" vertical="center"/>
    </xf>
    <xf numFmtId="0" fontId="0" fillId="0" borderId="0" xfId="0" applyFont="1" applyAlignment="1">
      <alignment horizontal="distributed" vertical="center"/>
    </xf>
    <xf numFmtId="0" fontId="0" fillId="0" borderId="0" xfId="0" applyAlignment="1">
      <alignment horizontal="distributed" vertical="center"/>
    </xf>
    <xf numFmtId="0" fontId="0" fillId="0" borderId="0" xfId="0" applyFont="1" applyAlignment="1">
      <alignment horizontal="left" vertical="center"/>
    </xf>
    <xf numFmtId="38" fontId="0" fillId="0" borderId="0" xfId="1" applyFont="1" applyAlignment="1">
      <alignment horizontal="right" vertical="center"/>
    </xf>
    <xf numFmtId="38" fontId="5" fillId="0" borderId="0" xfId="1" applyFont="1" applyAlignment="1">
      <alignment horizontal="right" vertical="center"/>
    </xf>
    <xf numFmtId="0" fontId="5" fillId="0" borderId="0" xfId="0" applyFont="1" applyAlignment="1">
      <alignment horizontal="left" vertical="center"/>
    </xf>
    <xf numFmtId="0" fontId="0" fillId="0" borderId="26" xfId="0" applyBorder="1" applyAlignment="1">
      <alignment horizontal="center" vertical="center" textRotation="255" wrapText="1"/>
    </xf>
    <xf numFmtId="0" fontId="0" fillId="0" borderId="9" xfId="0" applyFont="1" applyBorder="1" applyAlignment="1">
      <alignment horizontal="center" vertical="center" textRotation="255" wrapText="1"/>
    </xf>
    <xf numFmtId="0" fontId="0" fillId="0" borderId="15" xfId="0" applyFont="1" applyBorder="1" applyAlignment="1">
      <alignment horizontal="center" vertical="center" textRotation="255" wrapText="1"/>
    </xf>
    <xf numFmtId="0" fontId="0" fillId="0" borderId="4" xfId="0" applyFont="1" applyBorder="1" applyAlignment="1">
      <alignment horizontal="center" vertical="center"/>
    </xf>
    <xf numFmtId="0" fontId="0" fillId="0" borderId="6" xfId="0" applyFont="1" applyBorder="1" applyAlignment="1">
      <alignment horizontal="center" vertical="center"/>
    </xf>
    <xf numFmtId="0" fontId="0" fillId="0" borderId="26" xfId="0" applyBorder="1" applyAlignment="1">
      <alignment horizontal="center" vertical="top" textRotation="255" wrapText="1"/>
    </xf>
    <xf numFmtId="0" fontId="0" fillId="0" borderId="9" xfId="0" applyBorder="1" applyAlignment="1">
      <alignment horizontal="center" vertical="top" textRotation="255" wrapText="1"/>
    </xf>
    <xf numFmtId="0" fontId="0" fillId="0" borderId="15" xfId="0" applyBorder="1" applyAlignment="1">
      <alignment horizontal="center" vertical="top" textRotation="255" wrapText="1"/>
    </xf>
    <xf numFmtId="177" fontId="0" fillId="0" borderId="0" xfId="0" applyNumberFormat="1" applyFont="1" applyAlignment="1" applyProtection="1">
      <alignment horizontal="left" vertical="center"/>
      <protection locked="0"/>
    </xf>
    <xf numFmtId="177" fontId="0" fillId="0" borderId="0" xfId="0" applyNumberFormat="1" applyAlignment="1" applyProtection="1">
      <alignment horizontal="left" vertical="center"/>
      <protection locked="0"/>
    </xf>
    <xf numFmtId="10" fontId="0" fillId="0" borderId="0" xfId="2" applyNumberFormat="1" applyFont="1" applyAlignment="1" applyProtection="1">
      <alignment horizontal="left" vertical="center"/>
      <protection locked="0"/>
    </xf>
    <xf numFmtId="10" fontId="0" fillId="0" borderId="0" xfId="2" applyNumberFormat="1" applyFont="1" applyAlignment="1">
      <alignment vertical="center"/>
    </xf>
    <xf numFmtId="10" fontId="0" fillId="0" borderId="0" xfId="2" quotePrefix="1" applyNumberFormat="1" applyFont="1" applyAlignment="1" applyProtection="1">
      <alignment horizontal="left" vertical="center"/>
      <protection locked="0"/>
    </xf>
  </cellXfs>
  <cellStyles count="3">
    <cellStyle name="パーセント" xfId="2" builtinId="5"/>
    <cellStyle name="桁区切り" xfId="1" builtinId="6"/>
    <cellStyle name="標準" xfId="0" builtinId="0"/>
  </cellStyles>
  <dxfs count="6">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5</xdr:col>
      <xdr:colOff>330200</xdr:colOff>
      <xdr:row>32</xdr:row>
      <xdr:rowOff>180975</xdr:rowOff>
    </xdr:from>
    <xdr:to>
      <xdr:col>9</xdr:col>
      <xdr:colOff>177800</xdr:colOff>
      <xdr:row>37</xdr:row>
      <xdr:rowOff>95250</xdr:rowOff>
    </xdr:to>
    <xdr:sp macro="" textlink="">
      <xdr:nvSpPr>
        <xdr:cNvPr id="2" name="大かっこ 1"/>
        <xdr:cNvSpPr/>
      </xdr:nvSpPr>
      <xdr:spPr>
        <a:xfrm>
          <a:off x="2876550" y="8562975"/>
          <a:ext cx="3282950" cy="118427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30200</xdr:colOff>
      <xdr:row>32</xdr:row>
      <xdr:rowOff>180975</xdr:rowOff>
    </xdr:from>
    <xdr:to>
      <xdr:col>9</xdr:col>
      <xdr:colOff>177800</xdr:colOff>
      <xdr:row>37</xdr:row>
      <xdr:rowOff>95250</xdr:rowOff>
    </xdr:to>
    <xdr:sp macro="" textlink="">
      <xdr:nvSpPr>
        <xdr:cNvPr id="2" name="大かっこ 1"/>
        <xdr:cNvSpPr/>
      </xdr:nvSpPr>
      <xdr:spPr>
        <a:xfrm>
          <a:off x="3133725" y="8353425"/>
          <a:ext cx="3486150" cy="115252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1</xdr:col>
      <xdr:colOff>212725</xdr:colOff>
      <xdr:row>0</xdr:row>
      <xdr:rowOff>0</xdr:rowOff>
    </xdr:from>
    <xdr:to>
      <xdr:col>4</xdr:col>
      <xdr:colOff>209475</xdr:colOff>
      <xdr:row>1</xdr:row>
      <xdr:rowOff>66675</xdr:rowOff>
    </xdr:to>
    <xdr:sp macro="" textlink="">
      <xdr:nvSpPr>
        <xdr:cNvPr id="3" name="AutoShape 3"/>
        <xdr:cNvSpPr>
          <a:spLocks noChangeArrowheads="1"/>
        </xdr:cNvSpPr>
      </xdr:nvSpPr>
      <xdr:spPr bwMode="auto">
        <a:xfrm>
          <a:off x="650875" y="187325"/>
          <a:ext cx="1311200" cy="387350"/>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1800" b="0" i="0" u="none" strike="noStrike" baseline="0">
              <a:solidFill>
                <a:srgbClr val="000000"/>
              </a:solidFill>
              <a:latin typeface="ＭＳ ゴシック"/>
              <a:ea typeface="ＭＳ ゴシック"/>
            </a:rPr>
            <a:t>記入例</a:t>
          </a:r>
        </a:p>
      </xdr:txBody>
    </xdr:sp>
    <xdr:clientData/>
  </xdr:twoCellAnchor>
  <xdr:twoCellAnchor>
    <xdr:from>
      <xdr:col>3</xdr:col>
      <xdr:colOff>251459</xdr:colOff>
      <xdr:row>22</xdr:row>
      <xdr:rowOff>15240</xdr:rowOff>
    </xdr:from>
    <xdr:to>
      <xdr:col>5</xdr:col>
      <xdr:colOff>408890</xdr:colOff>
      <xdr:row>23</xdr:row>
      <xdr:rowOff>24765</xdr:rowOff>
    </xdr:to>
    <xdr:sp macro="" textlink="">
      <xdr:nvSpPr>
        <xdr:cNvPr id="15" name="AutoShape 4"/>
        <xdr:cNvSpPr>
          <a:spLocks noChangeArrowheads="1"/>
        </xdr:cNvSpPr>
      </xdr:nvSpPr>
      <xdr:spPr bwMode="auto">
        <a:xfrm>
          <a:off x="1531619" y="5547360"/>
          <a:ext cx="1361391" cy="260985"/>
        </a:xfrm>
        <a:prstGeom prst="wedgeRectCallout">
          <a:avLst>
            <a:gd name="adj1" fmla="val -2594"/>
            <a:gd name="adj2" fmla="val -90981"/>
          </a:avLst>
        </a:prstGeom>
        <a:solidFill>
          <a:srgbClr val="CCFFCC"/>
        </a:solidFill>
        <a:ln w="9525">
          <a:solidFill>
            <a:srgbClr val="000000"/>
          </a:solidFill>
          <a:miter lim="800000"/>
          <a:headEnd/>
          <a:tailEnd/>
        </a:ln>
      </xdr:spPr>
      <xdr:txBody>
        <a:bodyPr/>
        <a:lstStyle/>
        <a:p>
          <a:pPr algn="ctr"/>
          <a:r>
            <a:rPr lang="ja-JP" altLang="en-US" sz="1000"/>
            <a:t>「補助額」を記入。</a:t>
          </a:r>
          <a:endParaRPr lang="en-US" altLang="ja-JP"/>
        </a:p>
        <a:p>
          <a:endParaRPr lang="ja-JP" altLang="en-US"/>
        </a:p>
      </xdr:txBody>
    </xdr:sp>
    <xdr:clientData/>
  </xdr:twoCellAnchor>
  <xdr:twoCellAnchor>
    <xdr:from>
      <xdr:col>3</xdr:col>
      <xdr:colOff>361950</xdr:colOff>
      <xdr:row>25</xdr:row>
      <xdr:rowOff>129540</xdr:rowOff>
    </xdr:from>
    <xdr:to>
      <xdr:col>8</xdr:col>
      <xdr:colOff>314373</xdr:colOff>
      <xdr:row>27</xdr:row>
      <xdr:rowOff>50800</xdr:rowOff>
    </xdr:to>
    <xdr:sp macro="" textlink="">
      <xdr:nvSpPr>
        <xdr:cNvPr id="16" name="AutoShape 5"/>
        <xdr:cNvSpPr>
          <a:spLocks noChangeArrowheads="1"/>
        </xdr:cNvSpPr>
      </xdr:nvSpPr>
      <xdr:spPr bwMode="auto">
        <a:xfrm>
          <a:off x="1642110" y="6416040"/>
          <a:ext cx="2444163" cy="424180"/>
        </a:xfrm>
        <a:prstGeom prst="wedgeRectCallout">
          <a:avLst>
            <a:gd name="adj1" fmla="val -5082"/>
            <a:gd name="adj2" fmla="val -81801"/>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　別紙概要で算出した仕入控除税額を転記。</a:t>
          </a:r>
        </a:p>
        <a:p>
          <a:pPr algn="l" rtl="0">
            <a:lnSpc>
              <a:spcPts val="1100"/>
            </a:lnSpc>
            <a:defRPr sz="1000"/>
          </a:pPr>
          <a:r>
            <a:rPr lang="ja-JP" altLang="en-US" sz="1000" b="0" i="0" u="none" strike="noStrike" baseline="0">
              <a:solidFill>
                <a:srgbClr val="000000"/>
              </a:solidFill>
              <a:latin typeface="ＭＳ Ｐゴシック"/>
              <a:ea typeface="ＭＳ Ｐゴシック"/>
            </a:rPr>
            <a:t>　返納がない場合は、</a:t>
          </a:r>
          <a:r>
            <a:rPr lang="en-US" altLang="ja-JP" sz="1000" b="0" i="0" u="none" strike="noStrike" baseline="0">
              <a:solidFill>
                <a:srgbClr val="000000"/>
              </a:solidFill>
              <a:latin typeface="ＭＳ Ｐゴシック"/>
              <a:ea typeface="ＭＳ Ｐゴシック"/>
            </a:rPr>
            <a:t>0</a:t>
          </a:r>
          <a:r>
            <a:rPr lang="ja-JP" altLang="en-US" sz="1000" b="0" i="0" u="none" strike="noStrike" baseline="0">
              <a:solidFill>
                <a:srgbClr val="000000"/>
              </a:solidFill>
              <a:latin typeface="ＭＳ Ｐゴシック"/>
              <a:ea typeface="ＭＳ Ｐゴシック"/>
            </a:rPr>
            <a:t>円と記入。</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733425</xdr:colOff>
      <xdr:row>36</xdr:row>
      <xdr:rowOff>83344</xdr:rowOff>
    </xdr:from>
    <xdr:to>
      <xdr:col>9</xdr:col>
      <xdr:colOff>103822</xdr:colOff>
      <xdr:row>39</xdr:row>
      <xdr:rowOff>59531</xdr:rowOff>
    </xdr:to>
    <xdr:sp macro="" textlink="">
      <xdr:nvSpPr>
        <xdr:cNvPr id="2" name="AutoShape 7"/>
        <xdr:cNvSpPr>
          <a:spLocks noChangeArrowheads="1"/>
        </xdr:cNvSpPr>
      </xdr:nvSpPr>
      <xdr:spPr bwMode="auto">
        <a:xfrm>
          <a:off x="3377565" y="6979444"/>
          <a:ext cx="1793557" cy="540067"/>
        </a:xfrm>
        <a:prstGeom prst="wedgeRoundRectCallout">
          <a:avLst>
            <a:gd name="adj1" fmla="val -177946"/>
            <a:gd name="adj2" fmla="val 67128"/>
            <a:gd name="adj3" fmla="val 16667"/>
          </a:avLst>
        </a:prstGeom>
        <a:solidFill>
          <a:schemeClr val="bg1"/>
        </a:solidFill>
        <a:ln w="9525">
          <a:solidFill>
            <a:srgbClr val="000000"/>
          </a:solidFill>
          <a:miter lim="800000"/>
          <a:headEnd/>
          <a:tailEnd/>
        </a:ln>
      </xdr:spPr>
      <xdr:txBody>
        <a:bodyPr vertOverflow="clip" wrap="square" lIns="27432" tIns="18288" rIns="0" bIns="18288" anchor="ctr" upright="1"/>
        <a:lstStyle/>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消費税の確定申告書」付表２の「課税売り上げ割合」の値を</a:t>
          </a:r>
          <a:r>
            <a:rPr lang="ja-JP" altLang="en-US" sz="900" b="0" i="0" u="sng" strike="noStrike" baseline="0">
              <a:solidFill>
                <a:srgbClr val="000000"/>
              </a:solidFill>
              <a:latin typeface="ＭＳ ゴシック" pitchFamily="49" charset="-128"/>
              <a:ea typeface="ＭＳ ゴシック" pitchFamily="49" charset="-128"/>
            </a:rPr>
            <a:t>そのまま転記</a:t>
          </a:r>
          <a:r>
            <a:rPr lang="ja-JP" altLang="en-US" sz="900" b="0" i="0" u="none" strike="noStrike" baseline="0">
              <a:solidFill>
                <a:srgbClr val="000000"/>
              </a:solidFill>
              <a:latin typeface="ＭＳ ゴシック" pitchFamily="49" charset="-128"/>
              <a:ea typeface="ＭＳ ゴシック" pitchFamily="49" charset="-128"/>
            </a:rPr>
            <a:t>する。</a:t>
          </a:r>
        </a:p>
      </xdr:txBody>
    </xdr:sp>
    <xdr:clientData/>
  </xdr:twoCellAnchor>
  <xdr:twoCellAnchor>
    <xdr:from>
      <xdr:col>1</xdr:col>
      <xdr:colOff>100965</xdr:colOff>
      <xdr:row>44</xdr:row>
      <xdr:rowOff>85723</xdr:rowOff>
    </xdr:from>
    <xdr:to>
      <xdr:col>4</xdr:col>
      <xdr:colOff>307054</xdr:colOff>
      <xdr:row>47</xdr:row>
      <xdr:rowOff>130967</xdr:rowOff>
    </xdr:to>
    <xdr:sp macro="" textlink="">
      <xdr:nvSpPr>
        <xdr:cNvPr id="3" name="AutoShape 11"/>
        <xdr:cNvSpPr>
          <a:spLocks noChangeArrowheads="1"/>
        </xdr:cNvSpPr>
      </xdr:nvSpPr>
      <xdr:spPr bwMode="auto">
        <a:xfrm>
          <a:off x="260985" y="8627743"/>
          <a:ext cx="968089" cy="731044"/>
        </a:xfrm>
        <a:prstGeom prst="wedgeRoundRectCallout">
          <a:avLst>
            <a:gd name="adj1" fmla="val -4466"/>
            <a:gd name="adj2" fmla="val -99638"/>
            <a:gd name="adj3" fmla="val 16667"/>
          </a:avLst>
        </a:prstGeom>
        <a:solidFill>
          <a:schemeClr val="bg1"/>
        </a:solidFill>
        <a:ln w="9525">
          <a:solidFill>
            <a:srgbClr val="000000"/>
          </a:solidFill>
          <a:miter lim="800000"/>
          <a:headEnd/>
          <a:tailEnd/>
        </a:ln>
      </xdr:spPr>
      <xdr:txBody>
        <a:bodyPr vertOverflow="clip" wrap="square" lIns="27432" tIns="18288" rIns="0" bIns="18288" anchor="ctr" upright="1"/>
        <a:lstStyle/>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計算対象となる</a:t>
          </a:r>
          <a:endParaRPr lang="en-US" altLang="ja-JP" sz="900" b="0" i="0" u="none" strike="noStrike" baseline="0">
            <a:solidFill>
              <a:srgbClr val="000000"/>
            </a:solidFill>
            <a:latin typeface="ＭＳ ゴシック" pitchFamily="49" charset="-128"/>
            <a:ea typeface="ＭＳ ゴシック" pitchFamily="49" charset="-128"/>
          </a:endParaRPr>
        </a:p>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値を</a:t>
          </a:r>
          <a:r>
            <a:rPr lang="en-US" altLang="ja-JP" sz="900" b="0" i="0" u="none" strike="noStrike" baseline="0">
              <a:solidFill>
                <a:srgbClr val="000000"/>
              </a:solidFill>
              <a:latin typeface="ＭＳ ゴシック" pitchFamily="49" charset="-128"/>
              <a:ea typeface="ＭＳ ゴシック" pitchFamily="49" charset="-128"/>
            </a:rPr>
            <a:t>(1)</a:t>
          </a:r>
          <a:r>
            <a:rPr lang="ja-JP" altLang="en-US" sz="900" b="0" i="0" u="none" strike="noStrike" baseline="0">
              <a:solidFill>
                <a:srgbClr val="000000"/>
              </a:solidFill>
              <a:latin typeface="ＭＳ ゴシック" pitchFamily="49" charset="-128"/>
              <a:ea typeface="ＭＳ ゴシック" pitchFamily="49" charset="-128"/>
            </a:rPr>
            <a:t>から代入。</a:t>
          </a:r>
        </a:p>
      </xdr:txBody>
    </xdr:sp>
    <xdr:clientData/>
  </xdr:twoCellAnchor>
  <xdr:twoCellAnchor>
    <xdr:from>
      <xdr:col>4</xdr:col>
      <xdr:colOff>1094898</xdr:colOff>
      <xdr:row>45</xdr:row>
      <xdr:rowOff>4761</xdr:rowOff>
    </xdr:from>
    <xdr:to>
      <xdr:col>5</xdr:col>
      <xdr:colOff>423046</xdr:colOff>
      <xdr:row>47</xdr:row>
      <xdr:rowOff>23812</xdr:rowOff>
    </xdr:to>
    <xdr:sp macro="" textlink="">
      <xdr:nvSpPr>
        <xdr:cNvPr id="4" name="AutoShape 13"/>
        <xdr:cNvSpPr>
          <a:spLocks noChangeArrowheads="1"/>
        </xdr:cNvSpPr>
      </xdr:nvSpPr>
      <xdr:spPr bwMode="auto">
        <a:xfrm>
          <a:off x="2016918" y="8775381"/>
          <a:ext cx="433048" cy="476251"/>
        </a:xfrm>
        <a:prstGeom prst="wedgeRoundRectCallout">
          <a:avLst>
            <a:gd name="adj1" fmla="val 14217"/>
            <a:gd name="adj2" fmla="val -144101"/>
            <a:gd name="adj3" fmla="val 16667"/>
          </a:avLst>
        </a:prstGeom>
        <a:solidFill>
          <a:schemeClr val="bg1"/>
        </a:solidFill>
        <a:ln w="9525">
          <a:solidFill>
            <a:srgbClr val="000000"/>
          </a:solidFill>
          <a:miter lim="800000"/>
          <a:headEnd/>
          <a:tailEnd/>
        </a:ln>
      </xdr:spPr>
      <xdr:txBody>
        <a:bodyPr vertOverflow="clip" wrap="square" lIns="27432" tIns="18288" rIns="27432" bIns="18288" anchor="ctr" upright="1"/>
        <a:lstStyle/>
        <a:p>
          <a:pPr algn="ctr"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税額</a:t>
          </a:r>
        </a:p>
        <a:p>
          <a:pPr algn="ctr"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割合</a:t>
          </a:r>
        </a:p>
      </xdr:txBody>
    </xdr:sp>
    <xdr:clientData/>
  </xdr:twoCellAnchor>
  <xdr:twoCellAnchor>
    <xdr:from>
      <xdr:col>8</xdr:col>
      <xdr:colOff>381000</xdr:colOff>
      <xdr:row>0</xdr:row>
      <xdr:rowOff>135255</xdr:rowOff>
    </xdr:from>
    <xdr:to>
      <xdr:col>10</xdr:col>
      <xdr:colOff>226695</xdr:colOff>
      <xdr:row>3</xdr:row>
      <xdr:rowOff>9525</xdr:rowOff>
    </xdr:to>
    <xdr:sp macro="" textlink="">
      <xdr:nvSpPr>
        <xdr:cNvPr id="5" name="AutoShape 17"/>
        <xdr:cNvSpPr>
          <a:spLocks noChangeArrowheads="1"/>
        </xdr:cNvSpPr>
      </xdr:nvSpPr>
      <xdr:spPr bwMode="auto">
        <a:xfrm>
          <a:off x="4572000" y="135255"/>
          <a:ext cx="1605915" cy="377190"/>
        </a:xfrm>
        <a:prstGeom prst="roundRect">
          <a:avLst>
            <a:gd name="adj" fmla="val 16667"/>
          </a:avLst>
        </a:prstGeom>
        <a:solidFill>
          <a:schemeClr val="bg1"/>
        </a:solidFill>
        <a:ln w="19050">
          <a:solidFill>
            <a:schemeClr val="tx1"/>
          </a:solidFill>
          <a:round/>
          <a:headEnd/>
          <a:tailEnd/>
        </a:ln>
      </xdr:spPr>
      <xdr:txBody>
        <a:bodyPr vertOverflow="clip" wrap="square" lIns="0" tIns="0" rIns="0" bIns="0" anchor="ctr" upright="1"/>
        <a:lstStyle/>
        <a:p>
          <a:pPr algn="ctr" rtl="0">
            <a:defRPr sz="1000"/>
          </a:pPr>
          <a:r>
            <a:rPr lang="ja-JP" altLang="en-US" sz="1400" b="1" i="0" u="none" strike="noStrike" baseline="0">
              <a:solidFill>
                <a:srgbClr val="000000"/>
              </a:solidFill>
              <a:latin typeface="ＭＳ ゴシック"/>
              <a:ea typeface="ＭＳ ゴシック"/>
            </a:rPr>
            <a:t>作成例</a:t>
          </a:r>
        </a:p>
      </xdr:txBody>
    </xdr:sp>
    <xdr:clientData/>
  </xdr:twoCellAnchor>
  <xdr:twoCellAnchor>
    <xdr:from>
      <xdr:col>1</xdr:col>
      <xdr:colOff>30480</xdr:colOff>
      <xdr:row>0</xdr:row>
      <xdr:rowOff>125730</xdr:rowOff>
    </xdr:from>
    <xdr:to>
      <xdr:col>7</xdr:col>
      <xdr:colOff>763905</xdr:colOff>
      <xdr:row>3</xdr:row>
      <xdr:rowOff>104866</xdr:rowOff>
    </xdr:to>
    <xdr:sp macro="" textlink="">
      <xdr:nvSpPr>
        <xdr:cNvPr id="6" name="角丸四角形 5"/>
        <xdr:cNvSpPr/>
      </xdr:nvSpPr>
      <xdr:spPr>
        <a:xfrm>
          <a:off x="190500" y="125730"/>
          <a:ext cx="3964305" cy="482056"/>
        </a:xfrm>
        <a:prstGeom prst="roundRect">
          <a:avLst/>
        </a:prstGeom>
        <a:solidFill>
          <a:schemeClr val="bg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000"/>
            </a:lnSpc>
          </a:pPr>
          <a:r>
            <a:rPr kumimoji="1" lang="ja-JP" altLang="en-US" sz="1050">
              <a:solidFill>
                <a:sysClr val="windowText" lastClr="000000"/>
              </a:solidFill>
              <a:latin typeface="ＭＳ ゴシック" pitchFamily="49" charset="-128"/>
              <a:ea typeface="ＭＳ ゴシック" pitchFamily="49" charset="-128"/>
            </a:rPr>
            <a:t>返納がある場合① </a:t>
          </a:r>
          <a:r>
            <a:rPr kumimoji="1" lang="en-US" altLang="ja-JP" sz="1050">
              <a:solidFill>
                <a:sysClr val="windowText" lastClr="000000"/>
              </a:solidFill>
              <a:latin typeface="ＭＳ ゴシック" pitchFamily="49" charset="-128"/>
              <a:ea typeface="ＭＳ ゴシック" pitchFamily="49" charset="-128"/>
            </a:rPr>
            <a:t>(</a:t>
          </a:r>
          <a:r>
            <a:rPr kumimoji="1" lang="ja-JP" altLang="en-US" sz="1050">
              <a:solidFill>
                <a:sysClr val="windowText" lastClr="000000"/>
              </a:solidFill>
              <a:latin typeface="ＭＳ ゴシック" pitchFamily="49" charset="-128"/>
              <a:ea typeface="ＭＳ ゴシック" pitchFamily="49" charset="-128"/>
            </a:rPr>
            <a:t>仕入控除税額がある場合の記入例</a:t>
          </a:r>
          <a:r>
            <a:rPr kumimoji="1" lang="en-US" altLang="ja-JP" sz="1050">
              <a:solidFill>
                <a:sysClr val="windowText" lastClr="000000"/>
              </a:solidFill>
              <a:latin typeface="ＭＳ ゴシック" pitchFamily="49" charset="-128"/>
              <a:ea typeface="ＭＳ ゴシック" pitchFamily="49" charset="-128"/>
            </a:rPr>
            <a:t>)</a:t>
          </a:r>
        </a:p>
        <a:p>
          <a:pPr algn="l">
            <a:lnSpc>
              <a:spcPts val="1300"/>
            </a:lnSpc>
          </a:pPr>
          <a:r>
            <a:rPr kumimoji="1" lang="en-US" altLang="ja-JP" sz="1050">
              <a:solidFill>
                <a:sysClr val="windowText" lastClr="000000"/>
              </a:solidFill>
              <a:latin typeface="ＭＳ ゴシック" pitchFamily="49" charset="-128"/>
              <a:ea typeface="ＭＳ ゴシック" pitchFamily="49" charset="-128"/>
            </a:rPr>
            <a:t>※</a:t>
          </a:r>
          <a:r>
            <a:rPr kumimoji="1" lang="ja-JP" altLang="en-US" sz="1050">
              <a:solidFill>
                <a:sysClr val="windowText" lastClr="000000"/>
              </a:solidFill>
              <a:latin typeface="ＭＳ ゴシック" pitchFamily="49" charset="-128"/>
              <a:ea typeface="ＭＳ ゴシック" pitchFamily="49" charset="-128"/>
            </a:rPr>
            <a:t>補助金の使途が消費税の申告において明確になっている場合</a:t>
          </a:r>
        </a:p>
      </xdr:txBody>
    </xdr:sp>
    <xdr:clientData/>
  </xdr:twoCellAnchor>
  <xdr:twoCellAnchor>
    <xdr:from>
      <xdr:col>5</xdr:col>
      <xdr:colOff>560070</xdr:colOff>
      <xdr:row>17</xdr:row>
      <xdr:rowOff>91440</xdr:rowOff>
    </xdr:from>
    <xdr:to>
      <xdr:col>8</xdr:col>
      <xdr:colOff>175302</xdr:colOff>
      <xdr:row>19</xdr:row>
      <xdr:rowOff>47624</xdr:rowOff>
    </xdr:to>
    <xdr:sp macro="" textlink="">
      <xdr:nvSpPr>
        <xdr:cNvPr id="7" name="AutoShape 1"/>
        <xdr:cNvSpPr>
          <a:spLocks noChangeArrowheads="1"/>
        </xdr:cNvSpPr>
      </xdr:nvSpPr>
      <xdr:spPr bwMode="auto">
        <a:xfrm>
          <a:off x="2586990" y="3429000"/>
          <a:ext cx="1779312" cy="352424"/>
        </a:xfrm>
        <a:prstGeom prst="wedgeRoundRectCallout">
          <a:avLst>
            <a:gd name="adj1" fmla="val -77738"/>
            <a:gd name="adj2" fmla="val 93510"/>
            <a:gd name="adj3" fmla="val 16667"/>
          </a:avLst>
        </a:prstGeom>
        <a:solidFill>
          <a:schemeClr val="bg1"/>
        </a:solidFill>
        <a:ln w="9525">
          <a:solidFill>
            <a:srgbClr val="000000"/>
          </a:solidFill>
          <a:miter lim="800000"/>
          <a:headEnd/>
          <a:tailEnd/>
        </a:ln>
      </xdr:spPr>
      <xdr:txBody>
        <a:bodyPr vertOverflow="clip" wrap="square" lIns="27432" tIns="18288" rIns="0" bIns="0" anchor="t" upright="1"/>
        <a:lstStyle/>
        <a:p>
          <a:pPr algn="l" rtl="0">
            <a:lnSpc>
              <a:spcPts val="1100"/>
            </a:lnSpc>
            <a:defRPr sz="1000"/>
          </a:pPr>
          <a:r>
            <a:rPr lang="ja-JP" altLang="en-US" sz="900" b="0" i="0" u="none" strike="noStrike" baseline="0">
              <a:solidFill>
                <a:srgbClr val="000000"/>
              </a:solidFill>
              <a:latin typeface="ＭＳ ゴシック" pitchFamily="49" charset="-128"/>
              <a:ea typeface="ＭＳ ゴシック" pitchFamily="49" charset="-128"/>
            </a:rPr>
            <a:t>県から交付を受けた額を記入。</a:t>
          </a:r>
          <a:endParaRPr lang="en-US" altLang="ja-JP" sz="900" b="0" i="0" u="none" strike="noStrike" baseline="0">
            <a:solidFill>
              <a:srgbClr val="000000"/>
            </a:solidFill>
            <a:latin typeface="ＭＳ ゴシック" pitchFamily="49" charset="-128"/>
            <a:ea typeface="ＭＳ ゴシック" pitchFamily="49" charset="-128"/>
          </a:endParaRPr>
        </a:p>
      </xdr:txBody>
    </xdr:sp>
    <xdr:clientData/>
  </xdr:twoCellAnchor>
  <xdr:twoCellAnchor>
    <xdr:from>
      <xdr:col>6</xdr:col>
      <xdr:colOff>633888</xdr:colOff>
      <xdr:row>5</xdr:row>
      <xdr:rowOff>152399</xdr:rowOff>
    </xdr:from>
    <xdr:to>
      <xdr:col>8</xdr:col>
      <xdr:colOff>868271</xdr:colOff>
      <xdr:row>8</xdr:row>
      <xdr:rowOff>211930</xdr:rowOff>
    </xdr:to>
    <xdr:sp macro="" textlink="">
      <xdr:nvSpPr>
        <xdr:cNvPr id="8" name="AutoShape 1"/>
        <xdr:cNvSpPr>
          <a:spLocks noChangeArrowheads="1"/>
        </xdr:cNvSpPr>
      </xdr:nvSpPr>
      <xdr:spPr bwMode="auto">
        <a:xfrm>
          <a:off x="3278028" y="1051559"/>
          <a:ext cx="1781243" cy="623411"/>
        </a:xfrm>
        <a:prstGeom prst="wedgeRoundRectCallout">
          <a:avLst>
            <a:gd name="adj1" fmla="val 316"/>
            <a:gd name="adj2" fmla="val -126466"/>
            <a:gd name="adj3" fmla="val 16667"/>
          </a:avLst>
        </a:prstGeom>
        <a:solidFill>
          <a:schemeClr val="bg1"/>
        </a:solidFill>
        <a:ln w="9525">
          <a:solidFill>
            <a:srgbClr val="000000"/>
          </a:solidFill>
          <a:miter lim="800000"/>
          <a:headEnd/>
          <a:tailEnd/>
        </a:ln>
      </xdr:spPr>
      <xdr:txBody>
        <a:bodyPr vertOverflow="clip" wrap="square" lIns="27432" tIns="18288" rIns="0" bIns="0" anchor="t" upright="1"/>
        <a:lstStyle/>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交付を受けた補助金額の使途を下記６のように分けることができる場合。</a:t>
          </a:r>
        </a:p>
      </xdr:txBody>
    </xdr:sp>
    <xdr:clientData/>
  </xdr:twoCellAnchor>
  <xdr:twoCellAnchor>
    <xdr:from>
      <xdr:col>6</xdr:col>
      <xdr:colOff>688658</xdr:colOff>
      <xdr:row>39</xdr:row>
      <xdr:rowOff>128111</xdr:rowOff>
    </xdr:from>
    <xdr:to>
      <xdr:col>10</xdr:col>
      <xdr:colOff>477203</xdr:colOff>
      <xdr:row>42</xdr:row>
      <xdr:rowOff>11935</xdr:rowOff>
    </xdr:to>
    <xdr:sp macro="" textlink="">
      <xdr:nvSpPr>
        <xdr:cNvPr id="9" name="AutoShape 7"/>
        <xdr:cNvSpPr>
          <a:spLocks noChangeArrowheads="1"/>
        </xdr:cNvSpPr>
      </xdr:nvSpPr>
      <xdr:spPr bwMode="auto">
        <a:xfrm>
          <a:off x="3332798" y="7588091"/>
          <a:ext cx="3095625" cy="508664"/>
        </a:xfrm>
        <a:prstGeom prst="wedgeRoundRectCallout">
          <a:avLst>
            <a:gd name="adj1" fmla="val -68215"/>
            <a:gd name="adj2" fmla="val 29546"/>
            <a:gd name="adj3" fmla="val 16667"/>
          </a:avLst>
        </a:prstGeom>
        <a:solidFill>
          <a:schemeClr val="bg1"/>
        </a:solidFill>
        <a:ln w="9525">
          <a:solidFill>
            <a:srgbClr val="000000"/>
          </a:solidFill>
          <a:miter lim="800000"/>
          <a:headEnd/>
          <a:tailEnd/>
        </a:ln>
      </xdr:spPr>
      <xdr:txBody>
        <a:bodyPr vertOverflow="clip" wrap="square" lIns="27432" tIns="18288" rIns="0" bIns="18288" anchor="ctr" upright="1"/>
        <a:lstStyle/>
        <a:p>
          <a:pPr algn="l" rtl="0">
            <a:lnSpc>
              <a:spcPts val="1000"/>
            </a:lnSpc>
            <a:defRPr sz="1000"/>
          </a:pPr>
          <a:r>
            <a:rPr lang="ja-JP" altLang="en-US" sz="900" b="0" i="0" u="sng" strike="noStrike" baseline="0">
              <a:solidFill>
                <a:srgbClr val="000000"/>
              </a:solidFill>
              <a:latin typeface="ＭＳ ゴシック" pitchFamily="49" charset="-128"/>
              <a:ea typeface="ＭＳ ゴシック" pitchFamily="49" charset="-128"/>
            </a:rPr>
            <a:t>一括比例配分方式で申告している場合の算出例</a:t>
          </a:r>
          <a:r>
            <a:rPr lang="ja-JP" altLang="en-US" sz="900" b="0" i="0" u="none" strike="noStrike" baseline="0">
              <a:solidFill>
                <a:srgbClr val="000000"/>
              </a:solidFill>
              <a:latin typeface="ＭＳ ゴシック" pitchFamily="49" charset="-128"/>
              <a:ea typeface="ＭＳ ゴシック" pitchFamily="49" charset="-128"/>
            </a:rPr>
            <a:t>です。他の方式</a:t>
          </a:r>
          <a:r>
            <a:rPr lang="en-US" altLang="ja-JP" sz="900" b="0" i="0" u="none" strike="noStrike" baseline="0">
              <a:solidFill>
                <a:srgbClr val="000000"/>
              </a:solidFill>
              <a:latin typeface="ＭＳ ゴシック" pitchFamily="49" charset="-128"/>
              <a:ea typeface="ＭＳ ゴシック" pitchFamily="49" charset="-128"/>
            </a:rPr>
            <a:t>(</a:t>
          </a:r>
          <a:r>
            <a:rPr lang="ja-JP" altLang="en-US" sz="900" b="0" i="0" u="none" strike="noStrike" baseline="0">
              <a:solidFill>
                <a:srgbClr val="000000"/>
              </a:solidFill>
              <a:latin typeface="ＭＳ ゴシック" pitchFamily="49" charset="-128"/>
              <a:ea typeface="ＭＳ ゴシック" pitchFamily="49" charset="-128"/>
            </a:rPr>
            <a:t>個別対応方式等</a:t>
          </a:r>
          <a:r>
            <a:rPr lang="en-US" altLang="ja-JP" sz="900" b="0" i="0" u="none" strike="noStrike" baseline="0">
              <a:solidFill>
                <a:srgbClr val="000000"/>
              </a:solidFill>
              <a:latin typeface="ＭＳ ゴシック" pitchFamily="49" charset="-128"/>
              <a:ea typeface="ＭＳ ゴシック" pitchFamily="49" charset="-128"/>
            </a:rPr>
            <a:t>)</a:t>
          </a:r>
          <a:r>
            <a:rPr lang="ja-JP" altLang="en-US" sz="900" b="0" i="0" u="none" strike="noStrike" baseline="0">
              <a:solidFill>
                <a:srgbClr val="000000"/>
              </a:solidFill>
              <a:latin typeface="ＭＳ ゴシック" pitchFamily="49" charset="-128"/>
              <a:ea typeface="ＭＳ ゴシック" pitchFamily="49" charset="-128"/>
            </a:rPr>
            <a:t>の場合はその計算方法に従ってください。</a:t>
          </a:r>
        </a:p>
      </xdr:txBody>
    </xdr:sp>
    <xdr:clientData/>
  </xdr:twoCellAnchor>
  <xdr:twoCellAnchor>
    <xdr:from>
      <xdr:col>6</xdr:col>
      <xdr:colOff>548640</xdr:colOff>
      <xdr:row>10</xdr:row>
      <xdr:rowOff>200025</xdr:rowOff>
    </xdr:from>
    <xdr:to>
      <xdr:col>9</xdr:col>
      <xdr:colOff>411506</xdr:colOff>
      <xdr:row>13</xdr:row>
      <xdr:rowOff>76200</xdr:rowOff>
    </xdr:to>
    <xdr:sp macro="" textlink="">
      <xdr:nvSpPr>
        <xdr:cNvPr id="10" name="角丸四角形吹き出し 9"/>
        <xdr:cNvSpPr/>
      </xdr:nvSpPr>
      <xdr:spPr>
        <a:xfrm>
          <a:off x="3192780" y="2059305"/>
          <a:ext cx="2286026" cy="501015"/>
        </a:xfrm>
        <a:prstGeom prst="wedgeRoundRectCallout">
          <a:avLst>
            <a:gd name="adj1" fmla="val -79461"/>
            <a:gd name="adj2" fmla="val -131761"/>
            <a:gd name="adj3" fmla="val 16667"/>
          </a:avLst>
        </a:prstGeom>
        <a:solidFill>
          <a:schemeClr val="bg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indent="-457200" algn="l">
            <a:lnSpc>
              <a:spcPct val="150000"/>
            </a:lnSpc>
          </a:pPr>
          <a:r>
            <a:rPr kumimoji="1" lang="ja-JP" altLang="en-US" sz="900">
              <a:solidFill>
                <a:sysClr val="windowText" lastClr="000000"/>
              </a:solidFill>
            </a:rPr>
            <a:t>別紙概要は、課程ごとに作成してください。</a:t>
          </a:r>
        </a:p>
      </xdr:txBody>
    </xdr:sp>
    <xdr:clientData/>
  </xdr:twoCellAnchor>
  <xdr:twoCellAnchor>
    <xdr:from>
      <xdr:col>9</xdr:col>
      <xdr:colOff>267177</xdr:colOff>
      <xdr:row>36</xdr:row>
      <xdr:rowOff>135255</xdr:rowOff>
    </xdr:from>
    <xdr:to>
      <xdr:col>10</xdr:col>
      <xdr:colOff>470546</xdr:colOff>
      <xdr:row>39</xdr:row>
      <xdr:rowOff>12015</xdr:rowOff>
    </xdr:to>
    <xdr:sp macro="" textlink="">
      <xdr:nvSpPr>
        <xdr:cNvPr id="12" name="AutoShape 11"/>
        <xdr:cNvSpPr>
          <a:spLocks noChangeArrowheads="1"/>
        </xdr:cNvSpPr>
      </xdr:nvSpPr>
      <xdr:spPr bwMode="auto">
        <a:xfrm>
          <a:off x="5334477" y="7031355"/>
          <a:ext cx="1087289" cy="440640"/>
        </a:xfrm>
        <a:prstGeom prst="wedgeRoundRectCallout">
          <a:avLst>
            <a:gd name="adj1" fmla="val -42077"/>
            <a:gd name="adj2" fmla="val -77394"/>
            <a:gd name="adj3" fmla="val 16667"/>
          </a:avLst>
        </a:prstGeom>
        <a:solidFill>
          <a:schemeClr val="bg1"/>
        </a:solidFill>
        <a:ln w="9525">
          <a:solidFill>
            <a:srgbClr val="000000"/>
          </a:solidFill>
          <a:miter lim="800000"/>
          <a:headEnd/>
          <a:tailEnd/>
        </a:ln>
      </xdr:spPr>
      <xdr:txBody>
        <a:bodyPr vertOverflow="clip" wrap="square" lIns="27432" tIns="18288" rIns="0" bIns="18288" anchor="ctr" upright="1"/>
        <a:lstStyle/>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合計は、</a:t>
          </a:r>
          <a:endParaRPr lang="en-US" altLang="ja-JP" sz="900" b="0" i="0" u="none" strike="noStrike" baseline="0">
            <a:solidFill>
              <a:srgbClr val="000000"/>
            </a:solidFill>
            <a:latin typeface="ＭＳ ゴシック" pitchFamily="49" charset="-128"/>
            <a:ea typeface="ＭＳ ゴシック" pitchFamily="49" charset="-128"/>
          </a:endParaRPr>
        </a:p>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補助額と一致する。</a:t>
          </a:r>
        </a:p>
      </xdr:txBody>
    </xdr:sp>
    <xdr:clientData/>
  </xdr:twoCellAnchor>
  <xdr:twoCellAnchor>
    <xdr:from>
      <xdr:col>7</xdr:col>
      <xdr:colOff>0</xdr:colOff>
      <xdr:row>34</xdr:row>
      <xdr:rowOff>154781</xdr:rowOff>
    </xdr:from>
    <xdr:to>
      <xdr:col>8</xdr:col>
      <xdr:colOff>28120</xdr:colOff>
      <xdr:row>36</xdr:row>
      <xdr:rowOff>0</xdr:rowOff>
    </xdr:to>
    <xdr:sp macro="" textlink="">
      <xdr:nvSpPr>
        <xdr:cNvPr id="13" name="円/楕円 12"/>
        <xdr:cNvSpPr/>
      </xdr:nvSpPr>
      <xdr:spPr>
        <a:xfrm>
          <a:off x="3390900" y="6654641"/>
          <a:ext cx="828220" cy="241459"/>
        </a:xfrm>
        <a:prstGeom prst="ellipse">
          <a:avLst/>
        </a:prstGeom>
        <a:noFill/>
        <a:ln w="31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865348</xdr:colOff>
      <xdr:row>35</xdr:row>
      <xdr:rowOff>191346</xdr:rowOff>
    </xdr:from>
    <xdr:to>
      <xdr:col>7</xdr:col>
      <xdr:colOff>118944</xdr:colOff>
      <xdr:row>42</xdr:row>
      <xdr:rowOff>35719</xdr:rowOff>
    </xdr:to>
    <xdr:cxnSp macro="">
      <xdr:nvCxnSpPr>
        <xdr:cNvPr id="14" name="直線矢印コネクタ 13"/>
        <xdr:cNvCxnSpPr>
          <a:stCxn id="13" idx="3"/>
        </xdr:cNvCxnSpPr>
      </xdr:nvCxnSpPr>
      <xdr:spPr>
        <a:xfrm flipH="1">
          <a:off x="1787368" y="6858846"/>
          <a:ext cx="1722476" cy="1261693"/>
        </a:xfrm>
        <a:prstGeom prst="straightConnector1">
          <a:avLst/>
        </a:prstGeom>
        <a:ln>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370999</xdr:colOff>
      <xdr:row>42</xdr:row>
      <xdr:rowOff>0</xdr:rowOff>
    </xdr:from>
    <xdr:to>
      <xdr:col>4</xdr:col>
      <xdr:colOff>1092750</xdr:colOff>
      <xdr:row>43</xdr:row>
      <xdr:rowOff>1</xdr:rowOff>
    </xdr:to>
    <xdr:sp macro="" textlink="">
      <xdr:nvSpPr>
        <xdr:cNvPr id="15" name="円/楕円 14"/>
        <xdr:cNvSpPr/>
      </xdr:nvSpPr>
      <xdr:spPr>
        <a:xfrm>
          <a:off x="1293019" y="8084820"/>
          <a:ext cx="721751" cy="228601"/>
        </a:xfrm>
        <a:prstGeom prst="ellipse">
          <a:avLst/>
        </a:prstGeom>
        <a:noFill/>
        <a:ln w="31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5</xdr:col>
      <xdr:colOff>522446</xdr:colOff>
      <xdr:row>34</xdr:row>
      <xdr:rowOff>154781</xdr:rowOff>
    </xdr:from>
    <xdr:to>
      <xdr:col>6</xdr:col>
      <xdr:colOff>733396</xdr:colOff>
      <xdr:row>36</xdr:row>
      <xdr:rowOff>0</xdr:rowOff>
    </xdr:to>
    <xdr:sp macro="" textlink="">
      <xdr:nvSpPr>
        <xdr:cNvPr id="16" name="円/楕円 15"/>
        <xdr:cNvSpPr/>
      </xdr:nvSpPr>
      <xdr:spPr>
        <a:xfrm>
          <a:off x="2549366" y="6654641"/>
          <a:ext cx="828170" cy="241459"/>
        </a:xfrm>
        <a:prstGeom prst="ellipse">
          <a:avLst/>
        </a:prstGeom>
        <a:noFill/>
        <a:ln w="31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80011</xdr:colOff>
      <xdr:row>35</xdr:row>
      <xdr:rowOff>190499</xdr:rowOff>
    </xdr:from>
    <xdr:to>
      <xdr:col>6</xdr:col>
      <xdr:colOff>266159</xdr:colOff>
      <xdr:row>42</xdr:row>
      <xdr:rowOff>34872</xdr:rowOff>
    </xdr:to>
    <xdr:cxnSp macro="">
      <xdr:nvCxnSpPr>
        <xdr:cNvPr id="17" name="直線矢印コネクタ 16"/>
        <xdr:cNvCxnSpPr/>
      </xdr:nvCxnSpPr>
      <xdr:spPr>
        <a:xfrm flipH="1">
          <a:off x="1002031" y="6857999"/>
          <a:ext cx="1908268" cy="1261693"/>
        </a:xfrm>
        <a:prstGeom prst="straightConnector1">
          <a:avLst/>
        </a:prstGeom>
        <a:ln>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7640</xdr:colOff>
      <xdr:row>42</xdr:row>
      <xdr:rowOff>35718</xdr:rowOff>
    </xdr:from>
    <xdr:to>
      <xdr:col>4</xdr:col>
      <xdr:colOff>318951</xdr:colOff>
      <xdr:row>43</xdr:row>
      <xdr:rowOff>11906</xdr:rowOff>
    </xdr:to>
    <xdr:sp macro="" textlink="">
      <xdr:nvSpPr>
        <xdr:cNvPr id="18" name="円/楕円 17"/>
        <xdr:cNvSpPr/>
      </xdr:nvSpPr>
      <xdr:spPr>
        <a:xfrm>
          <a:off x="716280" y="8120538"/>
          <a:ext cx="524691" cy="204788"/>
        </a:xfrm>
        <a:prstGeom prst="ellipse">
          <a:avLst/>
        </a:prstGeom>
        <a:noFill/>
        <a:ln w="31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8</xdr:col>
      <xdr:colOff>486731</xdr:colOff>
      <xdr:row>45</xdr:row>
      <xdr:rowOff>35716</xdr:rowOff>
    </xdr:from>
    <xdr:to>
      <xdr:col>10</xdr:col>
      <xdr:colOff>470572</xdr:colOff>
      <xdr:row>47</xdr:row>
      <xdr:rowOff>202404</xdr:rowOff>
    </xdr:to>
    <xdr:sp macro="" textlink="">
      <xdr:nvSpPr>
        <xdr:cNvPr id="19" name="AutoShape 13"/>
        <xdr:cNvSpPr>
          <a:spLocks noChangeArrowheads="1"/>
        </xdr:cNvSpPr>
      </xdr:nvSpPr>
      <xdr:spPr bwMode="auto">
        <a:xfrm>
          <a:off x="4677731" y="8806336"/>
          <a:ext cx="1744061" cy="623888"/>
        </a:xfrm>
        <a:prstGeom prst="wedgeRoundRectCallout">
          <a:avLst>
            <a:gd name="adj1" fmla="val -31498"/>
            <a:gd name="adj2" fmla="val -136235"/>
            <a:gd name="adj3" fmla="val 16667"/>
          </a:avLst>
        </a:prstGeom>
        <a:solidFill>
          <a:schemeClr val="bg1"/>
        </a:solidFill>
        <a:ln w="9525">
          <a:solidFill>
            <a:srgbClr val="000000"/>
          </a:solidFill>
          <a:miter lim="800000"/>
          <a:headEnd/>
          <a:tailEnd/>
        </a:ln>
      </xdr:spPr>
      <xdr:txBody>
        <a:bodyPr vertOverflow="clip" wrap="square" lIns="27432" tIns="18288" rIns="27432" bIns="18288" anchor="ctr" upright="1"/>
        <a:lstStyle/>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小数点以下は切り捨てる。</a:t>
          </a:r>
          <a:endParaRPr lang="en-US" altLang="ja-JP" sz="900" b="0" i="0" u="none" strike="noStrike" baseline="0">
            <a:solidFill>
              <a:srgbClr val="000000"/>
            </a:solidFill>
            <a:latin typeface="ＭＳ ゴシック" pitchFamily="49" charset="-128"/>
            <a:ea typeface="ＭＳ ゴシック" pitchFamily="49" charset="-128"/>
          </a:endParaRPr>
        </a:p>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この値を、様式６の２に転記する。</a:t>
          </a:r>
        </a:p>
      </xdr:txBody>
    </xdr:sp>
    <xdr:clientData/>
  </xdr:twoCellAnchor>
  <xdr:twoCellAnchor>
    <xdr:from>
      <xdr:col>2</xdr:col>
      <xdr:colOff>87631</xdr:colOff>
      <xdr:row>38</xdr:row>
      <xdr:rowOff>214312</xdr:rowOff>
    </xdr:from>
    <xdr:to>
      <xdr:col>4</xdr:col>
      <xdr:colOff>68195</xdr:colOff>
      <xdr:row>40</xdr:row>
      <xdr:rowOff>11907</xdr:rowOff>
    </xdr:to>
    <xdr:sp macro="" textlink="">
      <xdr:nvSpPr>
        <xdr:cNvPr id="20" name="円/楕円 19"/>
        <xdr:cNvSpPr/>
      </xdr:nvSpPr>
      <xdr:spPr>
        <a:xfrm>
          <a:off x="483871" y="7445692"/>
          <a:ext cx="506344" cy="254795"/>
        </a:xfrm>
        <a:prstGeom prst="ellipse">
          <a:avLst/>
        </a:prstGeom>
        <a:noFill/>
        <a:ln w="31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5</xdr:col>
      <xdr:colOff>574357</xdr:colOff>
      <xdr:row>44</xdr:row>
      <xdr:rowOff>35719</xdr:rowOff>
    </xdr:from>
    <xdr:to>
      <xdr:col>8</xdr:col>
      <xdr:colOff>422941</xdr:colOff>
      <xdr:row>48</xdr:row>
      <xdr:rowOff>166687</xdr:rowOff>
    </xdr:to>
    <xdr:sp macro="" textlink="">
      <xdr:nvSpPr>
        <xdr:cNvPr id="21" name="AutoShape 13"/>
        <xdr:cNvSpPr>
          <a:spLocks noChangeArrowheads="1"/>
        </xdr:cNvSpPr>
      </xdr:nvSpPr>
      <xdr:spPr bwMode="auto">
        <a:xfrm>
          <a:off x="2601277" y="8577739"/>
          <a:ext cx="2012664" cy="1045368"/>
        </a:xfrm>
        <a:prstGeom prst="wedgeRoundRectCallout">
          <a:avLst>
            <a:gd name="adj1" fmla="val -25085"/>
            <a:gd name="adj2" fmla="val -76555"/>
            <a:gd name="adj3" fmla="val 16667"/>
          </a:avLst>
        </a:prstGeom>
        <a:solidFill>
          <a:schemeClr val="bg1"/>
        </a:solidFill>
        <a:ln w="9525">
          <a:solidFill>
            <a:srgbClr val="000000"/>
          </a:solidFill>
          <a:miter lim="800000"/>
          <a:headEnd/>
          <a:tailEnd/>
        </a:ln>
      </xdr:spPr>
      <xdr:txBody>
        <a:bodyPr vertOverflow="clip" wrap="square" lIns="27432" tIns="18288" rIns="27432" bIns="18288" anchor="ctr" upright="1"/>
        <a:lstStyle/>
        <a:p>
          <a:pPr rtl="0">
            <a:lnSpc>
              <a:spcPts val="1100"/>
            </a:lnSpc>
          </a:pPr>
          <a:r>
            <a:rPr lang="ja-JP" altLang="ja-JP" sz="900" b="0" i="0" baseline="0">
              <a:effectLst/>
              <a:latin typeface="+mn-lt"/>
              <a:ea typeface="+mn-ea"/>
              <a:cs typeface="+mn-cs"/>
            </a:rPr>
            <a:t>「消費税の確定申告書」付表</a:t>
          </a:r>
          <a:r>
            <a:rPr lang="ja-JP" altLang="en-US" sz="900" b="0" i="0" baseline="0">
              <a:effectLst/>
              <a:latin typeface="+mn-lt"/>
              <a:ea typeface="+mn-ea"/>
              <a:cs typeface="+mn-cs"/>
            </a:rPr>
            <a:t>２</a:t>
          </a:r>
          <a:r>
            <a:rPr lang="ja-JP" altLang="ja-JP" sz="900" b="0" i="0" baseline="0">
              <a:effectLst/>
              <a:latin typeface="+mn-lt"/>
              <a:ea typeface="+mn-ea"/>
              <a:cs typeface="+mn-cs"/>
            </a:rPr>
            <a:t>から、課税売上割合を計算。</a:t>
          </a:r>
          <a:endParaRPr lang="ja-JP" altLang="ja-JP" sz="900">
            <a:effectLst/>
          </a:endParaRPr>
        </a:p>
        <a:p>
          <a:pPr rtl="0">
            <a:lnSpc>
              <a:spcPts val="1100"/>
            </a:lnSpc>
          </a:pPr>
          <a:r>
            <a:rPr lang="ja-JP" altLang="ja-JP" sz="900" b="0" i="0" baseline="0">
              <a:effectLst/>
              <a:latin typeface="+mn-lt"/>
              <a:ea typeface="+mn-ea"/>
              <a:cs typeface="+mn-cs"/>
            </a:rPr>
            <a:t>④</a:t>
          </a:r>
          <a:r>
            <a:rPr lang="en-US" altLang="ja-JP" sz="900" b="0" i="0" baseline="0">
              <a:effectLst/>
              <a:latin typeface="+mn-lt"/>
              <a:ea typeface="+mn-ea"/>
              <a:cs typeface="+mn-cs"/>
            </a:rPr>
            <a:t>(</a:t>
          </a:r>
          <a:r>
            <a:rPr lang="ja-JP" altLang="ja-JP" sz="900" b="0" i="0" baseline="0">
              <a:effectLst/>
              <a:latin typeface="+mn-lt"/>
              <a:ea typeface="+mn-ea"/>
              <a:cs typeface="+mn-cs"/>
            </a:rPr>
            <a:t>課税資産の譲渡等対価の額 ）</a:t>
          </a:r>
          <a:r>
            <a:rPr lang="en-US" altLang="ja-JP" sz="900" b="0" i="0" baseline="0">
              <a:effectLst/>
              <a:latin typeface="+mn-lt"/>
              <a:ea typeface="+mn-ea"/>
              <a:cs typeface="+mn-cs"/>
            </a:rPr>
            <a:t>÷⑦(</a:t>
          </a:r>
          <a:r>
            <a:rPr lang="ja-JP" altLang="ja-JP" sz="900" b="0" i="0" baseline="0">
              <a:effectLst/>
              <a:latin typeface="+mn-lt"/>
              <a:ea typeface="+mn-ea"/>
              <a:cs typeface="+mn-cs"/>
            </a:rPr>
            <a:t>資産譲渡等の対価の額</a:t>
          </a:r>
          <a:endParaRPr lang="ja-JP" altLang="ja-JP" sz="900">
            <a:effectLst/>
          </a:endParaRPr>
        </a:p>
        <a:p>
          <a:pPr rtl="0"/>
          <a:r>
            <a:rPr lang="ja-JP" altLang="ja-JP" sz="900" b="0" i="0" baseline="0">
              <a:effectLst/>
              <a:latin typeface="+mn-lt"/>
              <a:ea typeface="+mn-ea"/>
              <a:cs typeface="+mn-cs"/>
            </a:rPr>
            <a:t>となります。</a:t>
          </a:r>
          <a:endParaRPr lang="ja-JP" altLang="ja-JP" sz="900">
            <a:effectLst/>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xdr:col>
      <xdr:colOff>21167</xdr:colOff>
      <xdr:row>47</xdr:row>
      <xdr:rowOff>143668</xdr:rowOff>
    </xdr:from>
    <xdr:to>
      <xdr:col>3</xdr:col>
      <xdr:colOff>337304</xdr:colOff>
      <xdr:row>49</xdr:row>
      <xdr:rowOff>169333</xdr:rowOff>
    </xdr:to>
    <xdr:sp macro="" textlink="">
      <xdr:nvSpPr>
        <xdr:cNvPr id="2" name="AutoShape 11"/>
        <xdr:cNvSpPr>
          <a:spLocks noChangeArrowheads="1"/>
        </xdr:cNvSpPr>
      </xdr:nvSpPr>
      <xdr:spPr bwMode="auto">
        <a:xfrm>
          <a:off x="417407" y="9188608"/>
          <a:ext cx="468537" cy="482865"/>
        </a:xfrm>
        <a:prstGeom prst="wedgeRoundRectCallout">
          <a:avLst>
            <a:gd name="adj1" fmla="val 29010"/>
            <a:gd name="adj2" fmla="val -121046"/>
            <a:gd name="adj3" fmla="val 16667"/>
          </a:avLst>
        </a:prstGeom>
        <a:solidFill>
          <a:schemeClr val="bg1"/>
        </a:solidFill>
        <a:ln w="9525">
          <a:solidFill>
            <a:srgbClr val="000000"/>
          </a:solidFill>
          <a:miter lim="800000"/>
          <a:headEnd/>
          <a:tailEnd/>
        </a:ln>
      </xdr:spPr>
      <xdr:txBody>
        <a:bodyPr vertOverflow="clip" wrap="square" lIns="27432" tIns="18288" rIns="0" bIns="18288" anchor="ctr" upright="1"/>
        <a:lstStyle/>
        <a:p>
          <a:pPr algn="l" rtl="0">
            <a:lnSpc>
              <a:spcPts val="900"/>
            </a:lnSpc>
            <a:defRPr sz="1000"/>
          </a:pPr>
          <a:r>
            <a:rPr lang="ja-JP" altLang="en-US" sz="900" b="0" i="0" u="none" strike="noStrike" baseline="0">
              <a:solidFill>
                <a:srgbClr val="000000"/>
              </a:solidFill>
              <a:latin typeface="ＭＳ ゴシック" pitchFamily="49" charset="-128"/>
              <a:ea typeface="ＭＳ ゴシック" pitchFamily="49" charset="-128"/>
            </a:rPr>
            <a:t>補助金確定額</a:t>
          </a:r>
        </a:p>
      </xdr:txBody>
    </xdr:sp>
    <xdr:clientData/>
  </xdr:twoCellAnchor>
  <xdr:twoCellAnchor>
    <xdr:from>
      <xdr:col>6</xdr:col>
      <xdr:colOff>59531</xdr:colOff>
      <xdr:row>47</xdr:row>
      <xdr:rowOff>84667</xdr:rowOff>
    </xdr:from>
    <xdr:to>
      <xdr:col>6</xdr:col>
      <xdr:colOff>486283</xdr:colOff>
      <xdr:row>49</xdr:row>
      <xdr:rowOff>47625</xdr:rowOff>
    </xdr:to>
    <xdr:sp macro="" textlink="">
      <xdr:nvSpPr>
        <xdr:cNvPr id="3" name="AutoShape 13"/>
        <xdr:cNvSpPr>
          <a:spLocks noChangeArrowheads="1"/>
        </xdr:cNvSpPr>
      </xdr:nvSpPr>
      <xdr:spPr bwMode="auto">
        <a:xfrm>
          <a:off x="2703671" y="9129607"/>
          <a:ext cx="426752" cy="420158"/>
        </a:xfrm>
        <a:prstGeom prst="wedgeRoundRectCallout">
          <a:avLst>
            <a:gd name="adj1" fmla="val 89700"/>
            <a:gd name="adj2" fmla="val -124421"/>
            <a:gd name="adj3" fmla="val 16667"/>
          </a:avLst>
        </a:prstGeom>
        <a:solidFill>
          <a:schemeClr val="bg1"/>
        </a:solidFill>
        <a:ln w="9525">
          <a:solidFill>
            <a:srgbClr val="000000"/>
          </a:solidFill>
          <a:miter lim="800000"/>
          <a:headEnd/>
          <a:tailEnd/>
        </a:ln>
      </xdr:spPr>
      <xdr:txBody>
        <a:bodyPr vertOverflow="clip" wrap="square" lIns="27432" tIns="18288" rIns="27432" bIns="18288" anchor="ctr" upright="1"/>
        <a:lstStyle/>
        <a:p>
          <a:pPr algn="ctr"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税額</a:t>
          </a:r>
          <a:endParaRPr lang="en-US" altLang="ja-JP" sz="900" b="0" i="0" u="none" strike="noStrike" baseline="0">
            <a:solidFill>
              <a:srgbClr val="000000"/>
            </a:solidFill>
            <a:latin typeface="ＭＳ ゴシック" pitchFamily="49" charset="-128"/>
            <a:ea typeface="ＭＳ ゴシック" pitchFamily="49" charset="-128"/>
          </a:endParaRPr>
        </a:p>
        <a:p>
          <a:pPr algn="ctr"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割合</a:t>
          </a:r>
        </a:p>
      </xdr:txBody>
    </xdr:sp>
    <xdr:clientData/>
  </xdr:twoCellAnchor>
  <xdr:twoCellAnchor>
    <xdr:from>
      <xdr:col>8</xdr:col>
      <xdr:colOff>224791</xdr:colOff>
      <xdr:row>0</xdr:row>
      <xdr:rowOff>152400</xdr:rowOff>
    </xdr:from>
    <xdr:to>
      <xdr:col>9</xdr:col>
      <xdr:colOff>765976</xdr:colOff>
      <xdr:row>3</xdr:row>
      <xdr:rowOff>19050</xdr:rowOff>
    </xdr:to>
    <xdr:sp macro="" textlink="">
      <xdr:nvSpPr>
        <xdr:cNvPr id="4" name="AutoShape 17"/>
        <xdr:cNvSpPr>
          <a:spLocks noChangeArrowheads="1"/>
        </xdr:cNvSpPr>
      </xdr:nvSpPr>
      <xdr:spPr bwMode="auto">
        <a:xfrm>
          <a:off x="4591051" y="152400"/>
          <a:ext cx="1516545" cy="369570"/>
        </a:xfrm>
        <a:prstGeom prst="roundRect">
          <a:avLst>
            <a:gd name="adj" fmla="val 16667"/>
          </a:avLst>
        </a:prstGeom>
        <a:solidFill>
          <a:schemeClr val="bg1"/>
        </a:solidFill>
        <a:ln w="19050">
          <a:solidFill>
            <a:schemeClr val="tx1"/>
          </a:solidFill>
          <a:round/>
          <a:headEnd/>
          <a:tailEnd/>
        </a:ln>
      </xdr:spPr>
      <xdr:txBody>
        <a:bodyPr vertOverflow="clip" wrap="square" lIns="0" tIns="0" rIns="0" bIns="0" anchor="ctr" upright="1"/>
        <a:lstStyle/>
        <a:p>
          <a:pPr algn="ctr" rtl="0">
            <a:defRPr sz="1000"/>
          </a:pPr>
          <a:r>
            <a:rPr lang="ja-JP" altLang="en-US" sz="1400" b="1" i="0" u="none" strike="noStrike" baseline="0">
              <a:solidFill>
                <a:srgbClr val="000000"/>
              </a:solidFill>
              <a:latin typeface="ＭＳ ゴシック"/>
              <a:ea typeface="ＭＳ ゴシック"/>
            </a:rPr>
            <a:t>作成例</a:t>
          </a:r>
        </a:p>
      </xdr:txBody>
    </xdr:sp>
    <xdr:clientData/>
  </xdr:twoCellAnchor>
  <xdr:twoCellAnchor>
    <xdr:from>
      <xdr:col>1</xdr:col>
      <xdr:colOff>30481</xdr:colOff>
      <xdr:row>0</xdr:row>
      <xdr:rowOff>125730</xdr:rowOff>
    </xdr:from>
    <xdr:to>
      <xdr:col>7</xdr:col>
      <xdr:colOff>647734</xdr:colOff>
      <xdr:row>3</xdr:row>
      <xdr:rowOff>104866</xdr:rowOff>
    </xdr:to>
    <xdr:sp macro="" textlink="">
      <xdr:nvSpPr>
        <xdr:cNvPr id="5" name="角丸四角形 4"/>
        <xdr:cNvSpPr/>
      </xdr:nvSpPr>
      <xdr:spPr>
        <a:xfrm>
          <a:off x="190501" y="125730"/>
          <a:ext cx="3848133" cy="482056"/>
        </a:xfrm>
        <a:prstGeom prst="roundRect">
          <a:avLst/>
        </a:prstGeom>
        <a:solidFill>
          <a:schemeClr val="bg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050">
              <a:solidFill>
                <a:sysClr val="windowText" lastClr="000000"/>
              </a:solidFill>
              <a:latin typeface="ＭＳ ゴシック" pitchFamily="49" charset="-128"/>
              <a:ea typeface="ＭＳ ゴシック" pitchFamily="49" charset="-128"/>
            </a:rPr>
            <a:t>返納がある場合② </a:t>
          </a:r>
          <a:r>
            <a:rPr kumimoji="1" lang="en-US" altLang="ja-JP" sz="1050">
              <a:solidFill>
                <a:sysClr val="windowText" lastClr="000000"/>
              </a:solidFill>
              <a:latin typeface="ＭＳ ゴシック" pitchFamily="49" charset="-128"/>
              <a:ea typeface="ＭＳ ゴシック" pitchFamily="49" charset="-128"/>
            </a:rPr>
            <a:t>(</a:t>
          </a:r>
          <a:r>
            <a:rPr kumimoji="1" lang="ja-JP" altLang="en-US" sz="1050">
              <a:solidFill>
                <a:sysClr val="windowText" lastClr="000000"/>
              </a:solidFill>
              <a:latin typeface="ＭＳ ゴシック" pitchFamily="49" charset="-128"/>
              <a:ea typeface="ＭＳ ゴシック" pitchFamily="49" charset="-128"/>
            </a:rPr>
            <a:t>仕入控除税額がある場合の記入例</a:t>
          </a:r>
          <a:r>
            <a:rPr kumimoji="1" lang="en-US" altLang="ja-JP" sz="1050">
              <a:solidFill>
                <a:sysClr val="windowText" lastClr="000000"/>
              </a:solidFill>
              <a:latin typeface="ＭＳ ゴシック" pitchFamily="49" charset="-128"/>
              <a:ea typeface="ＭＳ ゴシック" pitchFamily="49" charset="-128"/>
            </a:rPr>
            <a:t>)</a:t>
          </a:r>
        </a:p>
        <a:p>
          <a:pPr algn="l">
            <a:lnSpc>
              <a:spcPts val="1300"/>
            </a:lnSpc>
          </a:pPr>
          <a:r>
            <a:rPr kumimoji="1" lang="en-US" altLang="ja-JP" sz="1050">
              <a:solidFill>
                <a:sysClr val="windowText" lastClr="000000"/>
              </a:solidFill>
              <a:latin typeface="ＭＳ ゴシック" pitchFamily="49" charset="-128"/>
              <a:ea typeface="ＭＳ ゴシック" pitchFamily="49" charset="-128"/>
            </a:rPr>
            <a:t>※</a:t>
          </a:r>
          <a:r>
            <a:rPr kumimoji="1" lang="ja-JP" altLang="en-US" sz="1050">
              <a:solidFill>
                <a:sysClr val="windowText" lastClr="000000"/>
              </a:solidFill>
              <a:latin typeface="ＭＳ ゴシック" pitchFamily="49" charset="-128"/>
              <a:ea typeface="ＭＳ ゴシック" pitchFamily="49" charset="-128"/>
            </a:rPr>
            <a:t>補助金の使途が消費税の申告において明確になっていない場合</a:t>
          </a:r>
        </a:p>
      </xdr:txBody>
    </xdr:sp>
    <xdr:clientData/>
  </xdr:twoCellAnchor>
  <xdr:twoCellAnchor>
    <xdr:from>
      <xdr:col>5</xdr:col>
      <xdr:colOff>607696</xdr:colOff>
      <xdr:row>17</xdr:row>
      <xdr:rowOff>144780</xdr:rowOff>
    </xdr:from>
    <xdr:to>
      <xdr:col>7</xdr:col>
      <xdr:colOff>872693</xdr:colOff>
      <xdr:row>19</xdr:row>
      <xdr:rowOff>95249</xdr:rowOff>
    </xdr:to>
    <xdr:sp macro="" textlink="">
      <xdr:nvSpPr>
        <xdr:cNvPr id="6" name="AutoShape 1"/>
        <xdr:cNvSpPr>
          <a:spLocks noChangeArrowheads="1"/>
        </xdr:cNvSpPr>
      </xdr:nvSpPr>
      <xdr:spPr bwMode="auto">
        <a:xfrm>
          <a:off x="2634616" y="3482340"/>
          <a:ext cx="1628977" cy="346709"/>
        </a:xfrm>
        <a:prstGeom prst="wedgeRoundRectCallout">
          <a:avLst>
            <a:gd name="adj1" fmla="val -77738"/>
            <a:gd name="adj2" fmla="val 93510"/>
            <a:gd name="adj3" fmla="val 16667"/>
          </a:avLst>
        </a:prstGeom>
        <a:solidFill>
          <a:schemeClr val="bg1"/>
        </a:solidFill>
        <a:ln w="9525">
          <a:solidFill>
            <a:srgbClr val="000000"/>
          </a:solidFill>
          <a:miter lim="800000"/>
          <a:headEnd/>
          <a:tailEnd/>
        </a:ln>
      </xdr:spPr>
      <xdr:txBody>
        <a:bodyPr vertOverflow="clip" wrap="square" lIns="27432" tIns="18288" rIns="0" bIns="0" anchor="t" upright="1"/>
        <a:lstStyle/>
        <a:p>
          <a:pPr algn="l" rtl="0">
            <a:lnSpc>
              <a:spcPts val="1100"/>
            </a:lnSpc>
            <a:defRPr sz="1000"/>
          </a:pPr>
          <a:r>
            <a:rPr lang="ja-JP" altLang="en-US" sz="900" b="0" i="0" u="none" strike="noStrike" baseline="0">
              <a:solidFill>
                <a:srgbClr val="000000"/>
              </a:solidFill>
              <a:latin typeface="ＭＳ ゴシック" pitchFamily="49" charset="-128"/>
              <a:ea typeface="ＭＳ ゴシック" pitchFamily="49" charset="-128"/>
            </a:rPr>
            <a:t>県から交付を受けた額を記入。</a:t>
          </a:r>
          <a:endParaRPr lang="en-US" altLang="ja-JP" sz="900" b="0" i="0" u="none" strike="noStrike" baseline="0">
            <a:solidFill>
              <a:srgbClr val="000000"/>
            </a:solidFill>
            <a:latin typeface="ＭＳ ゴシック" pitchFamily="49" charset="-128"/>
            <a:ea typeface="ＭＳ ゴシック" pitchFamily="49" charset="-128"/>
          </a:endParaRPr>
        </a:p>
      </xdr:txBody>
    </xdr:sp>
    <xdr:clientData/>
  </xdr:twoCellAnchor>
  <xdr:twoCellAnchor>
    <xdr:from>
      <xdr:col>6</xdr:col>
      <xdr:colOff>565306</xdr:colOff>
      <xdr:row>6</xdr:row>
      <xdr:rowOff>31433</xdr:rowOff>
    </xdr:from>
    <xdr:to>
      <xdr:col>8</xdr:col>
      <xdr:colOff>466248</xdr:colOff>
      <xdr:row>9</xdr:row>
      <xdr:rowOff>51879</xdr:rowOff>
    </xdr:to>
    <xdr:sp macro="" textlink="">
      <xdr:nvSpPr>
        <xdr:cNvPr id="7" name="AutoShape 1"/>
        <xdr:cNvSpPr>
          <a:spLocks noChangeArrowheads="1"/>
        </xdr:cNvSpPr>
      </xdr:nvSpPr>
      <xdr:spPr bwMode="auto">
        <a:xfrm>
          <a:off x="3209446" y="1098233"/>
          <a:ext cx="1623062" cy="645286"/>
        </a:xfrm>
        <a:prstGeom prst="wedgeRoundRectCallout">
          <a:avLst>
            <a:gd name="adj1" fmla="val 2259"/>
            <a:gd name="adj2" fmla="val -184495"/>
            <a:gd name="adj3" fmla="val 16667"/>
          </a:avLst>
        </a:prstGeom>
        <a:solidFill>
          <a:schemeClr val="bg1"/>
        </a:solidFill>
        <a:ln w="9525">
          <a:solidFill>
            <a:srgbClr val="000000"/>
          </a:solidFill>
          <a:miter lim="800000"/>
          <a:headEnd/>
          <a:tailEnd/>
        </a:ln>
      </xdr:spPr>
      <xdr:txBody>
        <a:bodyPr vertOverflow="clip" wrap="square" lIns="27432" tIns="18288" rIns="0" bIns="0" anchor="t" upright="1"/>
        <a:lstStyle/>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交付を受けた補助金額の使途</a:t>
          </a:r>
          <a:endParaRPr lang="en-US" altLang="ja-JP" sz="900" b="0" i="0" u="none" strike="noStrike" baseline="0">
            <a:solidFill>
              <a:srgbClr val="000000"/>
            </a:solidFill>
            <a:latin typeface="ＭＳ ゴシック" pitchFamily="49" charset="-128"/>
            <a:ea typeface="ＭＳ ゴシック" pitchFamily="49" charset="-128"/>
          </a:endParaRPr>
        </a:p>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を分けることができない場合。</a:t>
          </a:r>
          <a:endParaRPr lang="en-US" altLang="ja-JP" sz="900" b="0" i="0" u="none" strike="noStrike" baseline="0">
            <a:solidFill>
              <a:srgbClr val="000000"/>
            </a:solidFill>
            <a:latin typeface="ＭＳ ゴシック" pitchFamily="49" charset="-128"/>
            <a:ea typeface="ＭＳ ゴシック" pitchFamily="49" charset="-128"/>
          </a:endParaRPr>
        </a:p>
        <a:p>
          <a:pPr algn="l" rtl="0">
            <a:lnSpc>
              <a:spcPts val="1000"/>
            </a:lnSpc>
            <a:defRPr sz="1000"/>
          </a:pPr>
          <a:r>
            <a:rPr lang="en-US" altLang="ja-JP" sz="900" b="0" i="0" u="none" strike="noStrike" baseline="0">
              <a:solidFill>
                <a:srgbClr val="000000"/>
              </a:solidFill>
              <a:latin typeface="ＭＳ ゴシック" pitchFamily="49" charset="-128"/>
              <a:ea typeface="ＭＳ ゴシック" pitchFamily="49" charset="-128"/>
            </a:rPr>
            <a:t>(</a:t>
          </a:r>
          <a:r>
            <a:rPr lang="ja-JP" altLang="en-US" sz="900" b="0" i="0" u="none" strike="noStrike" baseline="0">
              <a:solidFill>
                <a:srgbClr val="000000"/>
              </a:solidFill>
              <a:latin typeface="ＭＳ ゴシック" pitchFamily="49" charset="-128"/>
              <a:ea typeface="ＭＳ ゴシック" pitchFamily="49" charset="-128"/>
            </a:rPr>
            <a:t>６には補助対象経費の内訳を示します。</a:t>
          </a:r>
          <a:r>
            <a:rPr lang="en-US" altLang="ja-JP" sz="900" b="0" i="0" u="none" strike="noStrike" baseline="0">
              <a:solidFill>
                <a:srgbClr val="000000"/>
              </a:solidFill>
              <a:latin typeface="ＭＳ ゴシック" pitchFamily="49" charset="-128"/>
              <a:ea typeface="ＭＳ ゴシック" pitchFamily="49" charset="-128"/>
            </a:rPr>
            <a:t>)</a:t>
          </a:r>
          <a:endParaRPr lang="ja-JP" altLang="en-US" sz="900" b="0" i="0" u="none" strike="noStrike" baseline="0">
            <a:solidFill>
              <a:srgbClr val="000000"/>
            </a:solidFill>
            <a:latin typeface="ＭＳ ゴシック" pitchFamily="49" charset="-128"/>
            <a:ea typeface="ＭＳ ゴシック" pitchFamily="49" charset="-128"/>
          </a:endParaRPr>
        </a:p>
      </xdr:txBody>
    </xdr:sp>
    <xdr:clientData/>
  </xdr:twoCellAnchor>
  <xdr:twoCellAnchor>
    <xdr:from>
      <xdr:col>7</xdr:col>
      <xdr:colOff>291308</xdr:colOff>
      <xdr:row>40</xdr:row>
      <xdr:rowOff>158220</xdr:rowOff>
    </xdr:from>
    <xdr:to>
      <xdr:col>9</xdr:col>
      <xdr:colOff>932314</xdr:colOff>
      <xdr:row>44</xdr:row>
      <xdr:rowOff>12241</xdr:rowOff>
    </xdr:to>
    <xdr:sp macro="" textlink="">
      <xdr:nvSpPr>
        <xdr:cNvPr id="8" name="AutoShape 7"/>
        <xdr:cNvSpPr>
          <a:spLocks noChangeArrowheads="1"/>
        </xdr:cNvSpPr>
      </xdr:nvSpPr>
      <xdr:spPr bwMode="auto">
        <a:xfrm>
          <a:off x="3682208" y="7846800"/>
          <a:ext cx="2591726" cy="524581"/>
        </a:xfrm>
        <a:prstGeom prst="wedgeRoundRectCallout">
          <a:avLst>
            <a:gd name="adj1" fmla="val -98382"/>
            <a:gd name="adj2" fmla="val 65434"/>
            <a:gd name="adj3" fmla="val 16667"/>
          </a:avLst>
        </a:prstGeom>
        <a:solidFill>
          <a:schemeClr val="bg1"/>
        </a:solidFill>
        <a:ln w="9525">
          <a:solidFill>
            <a:srgbClr val="000000"/>
          </a:solidFill>
          <a:miter lim="800000"/>
          <a:headEnd/>
          <a:tailEnd/>
        </a:ln>
      </xdr:spPr>
      <xdr:txBody>
        <a:bodyPr vertOverflow="clip" wrap="square" lIns="27432" tIns="18288" rIns="0" bIns="18288" anchor="ctr" upright="1"/>
        <a:lstStyle/>
        <a:p>
          <a:pPr algn="l" rtl="0">
            <a:lnSpc>
              <a:spcPts val="1000"/>
            </a:lnSpc>
            <a:defRPr sz="1000"/>
          </a:pPr>
          <a:r>
            <a:rPr lang="ja-JP" altLang="en-US" sz="900" b="0" i="0" u="sng" strike="noStrike" baseline="0">
              <a:solidFill>
                <a:srgbClr val="000000"/>
              </a:solidFill>
              <a:latin typeface="ＭＳ ゴシック" pitchFamily="49" charset="-128"/>
              <a:ea typeface="ＭＳ ゴシック" pitchFamily="49" charset="-128"/>
            </a:rPr>
            <a:t>個別対応方式で申告している場合の算出例</a:t>
          </a:r>
          <a:r>
            <a:rPr lang="ja-JP" altLang="en-US" sz="900" b="0" i="0" u="none" strike="noStrike" baseline="0">
              <a:solidFill>
                <a:srgbClr val="000000"/>
              </a:solidFill>
              <a:latin typeface="ＭＳ ゴシック" pitchFamily="49" charset="-128"/>
              <a:ea typeface="ＭＳ ゴシック" pitchFamily="49" charset="-128"/>
            </a:rPr>
            <a:t>です。他の方式の場合はその計算方法に従ってください。</a:t>
          </a:r>
        </a:p>
      </xdr:txBody>
    </xdr:sp>
    <xdr:clientData/>
  </xdr:twoCellAnchor>
  <xdr:twoCellAnchor>
    <xdr:from>
      <xdr:col>4</xdr:col>
      <xdr:colOff>329672</xdr:colOff>
      <xdr:row>47</xdr:row>
      <xdr:rowOff>36244</xdr:rowOff>
    </xdr:from>
    <xdr:to>
      <xdr:col>5</xdr:col>
      <xdr:colOff>255284</xdr:colOff>
      <xdr:row>50</xdr:row>
      <xdr:rowOff>16159</xdr:rowOff>
    </xdr:to>
    <xdr:sp macro="" textlink="">
      <xdr:nvSpPr>
        <xdr:cNvPr id="9" name="AutoShape 11"/>
        <xdr:cNvSpPr>
          <a:spLocks noChangeArrowheads="1"/>
        </xdr:cNvSpPr>
      </xdr:nvSpPr>
      <xdr:spPr bwMode="auto">
        <a:xfrm>
          <a:off x="1251692" y="9081184"/>
          <a:ext cx="1030512" cy="665715"/>
        </a:xfrm>
        <a:prstGeom prst="wedgeRoundRectCallout">
          <a:avLst>
            <a:gd name="adj1" fmla="val -11"/>
            <a:gd name="adj2" fmla="val -90321"/>
            <a:gd name="adj3" fmla="val 16667"/>
          </a:avLst>
        </a:prstGeom>
        <a:solidFill>
          <a:schemeClr val="bg1"/>
        </a:solidFill>
        <a:ln w="9525">
          <a:solidFill>
            <a:srgbClr val="000000"/>
          </a:solidFill>
          <a:miter lim="800000"/>
          <a:headEnd/>
          <a:tailEnd/>
        </a:ln>
      </xdr:spPr>
      <xdr:txBody>
        <a:bodyPr vertOverflow="clip" wrap="square" lIns="27432" tIns="18288" rIns="0" bIns="18288" anchor="ctr" upright="1"/>
        <a:lstStyle/>
        <a:p>
          <a:pPr algn="l" rtl="0">
            <a:lnSpc>
              <a:spcPts val="1000"/>
            </a:lnSpc>
            <a:defRPr sz="1000"/>
          </a:pPr>
          <a:r>
            <a:rPr lang="en-US" altLang="ja-JP" sz="900" b="0" i="0" u="none" strike="noStrike" baseline="0">
              <a:solidFill>
                <a:srgbClr val="000000"/>
              </a:solidFill>
              <a:latin typeface="ＭＳ ゴシック" pitchFamily="49" charset="-128"/>
              <a:ea typeface="ＭＳ ゴシック" pitchFamily="49" charset="-128"/>
            </a:rPr>
            <a:t>(3)</a:t>
          </a:r>
          <a:r>
            <a:rPr lang="ja-JP" altLang="en-US" sz="900" b="0" i="0" u="none" strike="noStrike" baseline="0">
              <a:solidFill>
                <a:srgbClr val="000000"/>
              </a:solidFill>
              <a:latin typeface="ＭＳ ゴシック" pitchFamily="49" charset="-128"/>
              <a:ea typeface="ＭＳ ゴシック" pitchFamily="49" charset="-128"/>
            </a:rPr>
            <a:t>支出のうち課税</a:t>
          </a:r>
          <a:endParaRPr lang="en-US" altLang="ja-JP" sz="900" b="0" i="0" u="none" strike="noStrike" baseline="0">
            <a:solidFill>
              <a:srgbClr val="000000"/>
            </a:solidFill>
            <a:latin typeface="ＭＳ ゴシック" pitchFamily="49" charset="-128"/>
            <a:ea typeface="ＭＳ ゴシック" pitchFamily="49" charset="-128"/>
          </a:endParaRPr>
        </a:p>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仕入の占める割合</a:t>
          </a:r>
        </a:p>
      </xdr:txBody>
    </xdr:sp>
    <xdr:clientData/>
  </xdr:twoCellAnchor>
  <xdr:twoCellAnchor>
    <xdr:from>
      <xdr:col>6</xdr:col>
      <xdr:colOff>224790</xdr:colOff>
      <xdr:row>11</xdr:row>
      <xdr:rowOff>38576</xdr:rowOff>
    </xdr:from>
    <xdr:to>
      <xdr:col>8</xdr:col>
      <xdr:colOff>669548</xdr:colOff>
      <xdr:row>13</xdr:row>
      <xdr:rowOff>130592</xdr:rowOff>
    </xdr:to>
    <xdr:sp macro="" textlink="">
      <xdr:nvSpPr>
        <xdr:cNvPr id="10" name="角丸四角形吹き出し 9"/>
        <xdr:cNvSpPr/>
      </xdr:nvSpPr>
      <xdr:spPr>
        <a:xfrm>
          <a:off x="2868930" y="2126456"/>
          <a:ext cx="2166878" cy="488256"/>
        </a:xfrm>
        <a:prstGeom prst="wedgeRoundRectCallout">
          <a:avLst>
            <a:gd name="adj1" fmla="val -59184"/>
            <a:gd name="adj2" fmla="val -129066"/>
            <a:gd name="adj3" fmla="val 16667"/>
          </a:avLst>
        </a:prstGeom>
        <a:solidFill>
          <a:schemeClr val="bg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indent="-457200" algn="l">
            <a:lnSpc>
              <a:spcPct val="150000"/>
            </a:lnSpc>
          </a:pPr>
          <a:r>
            <a:rPr kumimoji="1" lang="ja-JP" altLang="en-US" sz="900">
              <a:solidFill>
                <a:sysClr val="windowText" lastClr="000000"/>
              </a:solidFill>
            </a:rPr>
            <a:t>別紙概要は、課程ごとに作成してください。</a:t>
          </a:r>
        </a:p>
      </xdr:txBody>
    </xdr:sp>
    <xdr:clientData/>
  </xdr:twoCellAnchor>
  <xdr:twoCellAnchor>
    <xdr:from>
      <xdr:col>7</xdr:col>
      <xdr:colOff>187166</xdr:colOff>
      <xdr:row>36</xdr:row>
      <xdr:rowOff>136577</xdr:rowOff>
    </xdr:from>
    <xdr:to>
      <xdr:col>9</xdr:col>
      <xdr:colOff>1563</xdr:colOff>
      <xdr:row>39</xdr:row>
      <xdr:rowOff>178547</xdr:rowOff>
    </xdr:to>
    <xdr:sp macro="" textlink="">
      <xdr:nvSpPr>
        <xdr:cNvPr id="12" name="AutoShape 7"/>
        <xdr:cNvSpPr>
          <a:spLocks noChangeArrowheads="1"/>
        </xdr:cNvSpPr>
      </xdr:nvSpPr>
      <xdr:spPr bwMode="auto">
        <a:xfrm>
          <a:off x="3578066" y="7032677"/>
          <a:ext cx="1765117" cy="605850"/>
        </a:xfrm>
        <a:prstGeom prst="wedgeRoundRectCallout">
          <a:avLst>
            <a:gd name="adj1" fmla="val -195635"/>
            <a:gd name="adj2" fmla="val 40356"/>
            <a:gd name="adj3" fmla="val 16667"/>
          </a:avLst>
        </a:prstGeom>
        <a:solidFill>
          <a:schemeClr val="bg1"/>
        </a:solidFill>
        <a:ln w="9525">
          <a:solidFill>
            <a:srgbClr val="000000"/>
          </a:solidFill>
          <a:miter lim="800000"/>
          <a:headEnd/>
          <a:tailEnd/>
        </a:ln>
      </xdr:spPr>
      <xdr:txBody>
        <a:bodyPr vertOverflow="clip" wrap="square" lIns="27432" tIns="18288" rIns="0" bIns="18288" anchor="ctr" upright="1"/>
        <a:lstStyle/>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消費税の確定申告書」付表２の「課税売り上げ割合」の値を</a:t>
          </a:r>
          <a:r>
            <a:rPr lang="ja-JP" altLang="en-US" sz="900" b="0" i="0" u="sng" strike="noStrike" baseline="0">
              <a:solidFill>
                <a:srgbClr val="000000"/>
              </a:solidFill>
              <a:latin typeface="ＭＳ ゴシック" pitchFamily="49" charset="-128"/>
              <a:ea typeface="ＭＳ ゴシック" pitchFamily="49" charset="-128"/>
            </a:rPr>
            <a:t>そのまま転記</a:t>
          </a:r>
          <a:r>
            <a:rPr lang="ja-JP" altLang="en-US" sz="900" b="0" i="0" u="none" strike="noStrike" baseline="0">
              <a:solidFill>
                <a:srgbClr val="000000"/>
              </a:solidFill>
              <a:latin typeface="ＭＳ ゴシック" pitchFamily="49" charset="-128"/>
              <a:ea typeface="ＭＳ ゴシック" pitchFamily="49" charset="-128"/>
            </a:rPr>
            <a:t>する。</a:t>
          </a:r>
        </a:p>
      </xdr:txBody>
    </xdr:sp>
    <xdr:clientData/>
  </xdr:twoCellAnchor>
  <xdr:twoCellAnchor>
    <xdr:from>
      <xdr:col>8</xdr:col>
      <xdr:colOff>681513</xdr:colOff>
      <xdr:row>47</xdr:row>
      <xdr:rowOff>190500</xdr:rowOff>
    </xdr:from>
    <xdr:to>
      <xdr:col>9</xdr:col>
      <xdr:colOff>917278</xdr:colOff>
      <xdr:row>52</xdr:row>
      <xdr:rowOff>16185</xdr:rowOff>
    </xdr:to>
    <xdr:sp macro="" textlink="">
      <xdr:nvSpPr>
        <xdr:cNvPr id="13" name="AutoShape 13"/>
        <xdr:cNvSpPr>
          <a:spLocks noChangeArrowheads="1"/>
        </xdr:cNvSpPr>
      </xdr:nvSpPr>
      <xdr:spPr bwMode="auto">
        <a:xfrm>
          <a:off x="5047773" y="9235440"/>
          <a:ext cx="1211125" cy="968685"/>
        </a:xfrm>
        <a:prstGeom prst="wedgeRoundRectCallout">
          <a:avLst>
            <a:gd name="adj1" fmla="val 18306"/>
            <a:gd name="adj2" fmla="val -92868"/>
            <a:gd name="adj3" fmla="val 16667"/>
          </a:avLst>
        </a:prstGeom>
        <a:solidFill>
          <a:schemeClr val="bg1"/>
        </a:solidFill>
        <a:ln w="9525">
          <a:solidFill>
            <a:srgbClr val="000000"/>
          </a:solidFill>
          <a:miter lim="800000"/>
          <a:headEnd/>
          <a:tailEnd/>
        </a:ln>
      </xdr:spPr>
      <xdr:txBody>
        <a:bodyPr vertOverflow="clip" wrap="square" lIns="27432" tIns="18288" rIns="27432" bIns="18288" anchor="ctr" upright="1"/>
        <a:lstStyle/>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小数点以下は切り捨</a:t>
          </a:r>
          <a:endParaRPr lang="en-US" altLang="ja-JP" sz="900" b="0" i="0" u="none" strike="noStrike" baseline="0">
            <a:solidFill>
              <a:srgbClr val="000000"/>
            </a:solidFill>
            <a:latin typeface="ＭＳ ゴシック" pitchFamily="49" charset="-128"/>
            <a:ea typeface="ＭＳ ゴシック" pitchFamily="49" charset="-128"/>
          </a:endParaRPr>
        </a:p>
        <a:p>
          <a:pPr algn="l" rtl="0">
            <a:lnSpc>
              <a:spcPts val="1000"/>
            </a:lnSpc>
            <a:defRPr sz="1000"/>
          </a:pPr>
          <a:r>
            <a:rPr lang="ja-JP" altLang="en-US" sz="900" b="0" i="0" u="none" strike="noStrike" baseline="0">
              <a:solidFill>
                <a:srgbClr val="000000"/>
              </a:solidFill>
              <a:latin typeface="ＭＳ ゴシック" pitchFamily="49" charset="-128"/>
              <a:ea typeface="ＭＳ ゴシック" pitchFamily="49" charset="-128"/>
            </a:rPr>
            <a:t>てる。この値を、</a:t>
          </a:r>
          <a:endParaRPr lang="en-US" altLang="ja-JP" sz="900" b="0" i="0" u="none" strike="noStrike" baseline="0">
            <a:solidFill>
              <a:srgbClr val="000000"/>
            </a:solidFill>
            <a:latin typeface="ＭＳ ゴシック" pitchFamily="49" charset="-128"/>
            <a:ea typeface="ＭＳ ゴシック" pitchFamily="49" charset="-128"/>
          </a:endParaRPr>
        </a:p>
        <a:p>
          <a:pPr algn="l" rtl="0">
            <a:lnSpc>
              <a:spcPts val="900"/>
            </a:lnSpc>
            <a:defRPr sz="1000"/>
          </a:pPr>
          <a:r>
            <a:rPr lang="ja-JP" altLang="en-US" sz="900" b="0" i="0" u="none" strike="noStrike" baseline="0">
              <a:solidFill>
                <a:srgbClr val="000000"/>
              </a:solidFill>
              <a:latin typeface="ＭＳ ゴシック" pitchFamily="49" charset="-128"/>
              <a:ea typeface="ＭＳ ゴシック" pitchFamily="49" charset="-128"/>
            </a:rPr>
            <a:t>様式６の２に転記する。</a:t>
          </a:r>
        </a:p>
      </xdr:txBody>
    </xdr:sp>
    <xdr:clientData/>
  </xdr:twoCellAnchor>
  <xdr:twoCellAnchor>
    <xdr:from>
      <xdr:col>2</xdr:col>
      <xdr:colOff>124672</xdr:colOff>
      <xdr:row>39</xdr:row>
      <xdr:rowOff>1324</xdr:rowOff>
    </xdr:from>
    <xdr:to>
      <xdr:col>4</xdr:col>
      <xdr:colOff>17516</xdr:colOff>
      <xdr:row>39</xdr:row>
      <xdr:rowOff>222249</xdr:rowOff>
    </xdr:to>
    <xdr:sp macro="" textlink="">
      <xdr:nvSpPr>
        <xdr:cNvPr id="14" name="円/楕円 13"/>
        <xdr:cNvSpPr/>
      </xdr:nvSpPr>
      <xdr:spPr>
        <a:xfrm>
          <a:off x="520912" y="7461304"/>
          <a:ext cx="418624" cy="220925"/>
        </a:xfrm>
        <a:prstGeom prst="ellipse">
          <a:avLst/>
        </a:prstGeom>
        <a:noFill/>
        <a:ln w="31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611400</xdr:colOff>
      <xdr:row>45</xdr:row>
      <xdr:rowOff>1322</xdr:rowOff>
    </xdr:from>
    <xdr:to>
      <xdr:col>5</xdr:col>
      <xdr:colOff>295128</xdr:colOff>
      <xdr:row>46</xdr:row>
      <xdr:rowOff>13637</xdr:rowOff>
    </xdr:to>
    <xdr:sp macro="" textlink="">
      <xdr:nvSpPr>
        <xdr:cNvPr id="15" name="円/楕円 14"/>
        <xdr:cNvSpPr/>
      </xdr:nvSpPr>
      <xdr:spPr>
        <a:xfrm>
          <a:off x="1533420" y="8589062"/>
          <a:ext cx="788628" cy="240915"/>
        </a:xfrm>
        <a:prstGeom prst="ellipse">
          <a:avLst/>
        </a:prstGeom>
        <a:noFill/>
        <a:ln w="31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5</xdr:col>
      <xdr:colOff>181487</xdr:colOff>
      <xdr:row>36</xdr:row>
      <xdr:rowOff>10584</xdr:rowOff>
    </xdr:from>
    <xdr:to>
      <xdr:col>7</xdr:col>
      <xdr:colOff>337591</xdr:colOff>
      <xdr:row>45</xdr:row>
      <xdr:rowOff>32680</xdr:rowOff>
    </xdr:to>
    <xdr:cxnSp macro="">
      <xdr:nvCxnSpPr>
        <xdr:cNvPr id="16" name="直線矢印コネクタ 15"/>
        <xdr:cNvCxnSpPr>
          <a:endCxn id="15" idx="7"/>
        </xdr:cNvCxnSpPr>
      </xdr:nvCxnSpPr>
      <xdr:spPr>
        <a:xfrm flipH="1">
          <a:off x="2208407" y="6906684"/>
          <a:ext cx="1520084" cy="1713736"/>
        </a:xfrm>
        <a:prstGeom prst="straightConnector1">
          <a:avLst/>
        </a:prstGeom>
        <a:ln>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185843</xdr:colOff>
      <xdr:row>34</xdr:row>
      <xdr:rowOff>137583</xdr:rowOff>
    </xdr:from>
    <xdr:to>
      <xdr:col>8</xdr:col>
      <xdr:colOff>3859</xdr:colOff>
      <xdr:row>35</xdr:row>
      <xdr:rowOff>227542</xdr:rowOff>
    </xdr:to>
    <xdr:sp macro="" textlink="">
      <xdr:nvSpPr>
        <xdr:cNvPr id="17" name="円/楕円 16"/>
        <xdr:cNvSpPr/>
      </xdr:nvSpPr>
      <xdr:spPr>
        <a:xfrm>
          <a:off x="3576743" y="6637443"/>
          <a:ext cx="793376" cy="257599"/>
        </a:xfrm>
        <a:prstGeom prst="ellipse">
          <a:avLst/>
        </a:prstGeom>
        <a:noFill/>
        <a:ln w="31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6</xdr:col>
      <xdr:colOff>570070</xdr:colOff>
      <xdr:row>47</xdr:row>
      <xdr:rowOff>84666</xdr:rowOff>
    </xdr:from>
    <xdr:to>
      <xdr:col>8</xdr:col>
      <xdr:colOff>645796</xdr:colOff>
      <xdr:row>52</xdr:row>
      <xdr:rowOff>179915</xdr:rowOff>
    </xdr:to>
    <xdr:sp macro="" textlink="">
      <xdr:nvSpPr>
        <xdr:cNvPr id="18" name="AutoShape 13"/>
        <xdr:cNvSpPr>
          <a:spLocks noChangeArrowheads="1"/>
        </xdr:cNvSpPr>
      </xdr:nvSpPr>
      <xdr:spPr bwMode="auto">
        <a:xfrm>
          <a:off x="3214210" y="9129606"/>
          <a:ext cx="1797846" cy="1238249"/>
        </a:xfrm>
        <a:prstGeom prst="wedgeRoundRectCallout">
          <a:avLst>
            <a:gd name="adj1" fmla="val 24642"/>
            <a:gd name="adj2" fmla="val -73839"/>
            <a:gd name="adj3" fmla="val 16667"/>
          </a:avLst>
        </a:prstGeom>
        <a:solidFill>
          <a:schemeClr val="bg1"/>
        </a:solidFill>
        <a:ln w="9525">
          <a:solidFill>
            <a:srgbClr val="000000"/>
          </a:solidFill>
          <a:miter lim="800000"/>
          <a:headEnd/>
          <a:tailEnd/>
        </a:ln>
      </xdr:spPr>
      <xdr:txBody>
        <a:bodyPr vertOverflow="clip" wrap="square" lIns="27432" tIns="18288" rIns="27432" bIns="18288" anchor="ctr" upright="1"/>
        <a:lstStyle/>
        <a:p>
          <a:pPr rtl="0">
            <a:lnSpc>
              <a:spcPts val="1100"/>
            </a:lnSpc>
          </a:pPr>
          <a:r>
            <a:rPr lang="ja-JP" altLang="ja-JP" sz="900" b="0" i="0" baseline="0">
              <a:effectLst/>
              <a:latin typeface="+mn-lt"/>
              <a:ea typeface="+mn-ea"/>
              <a:cs typeface="+mn-cs"/>
            </a:rPr>
            <a:t>「消費税の確定申告書」付表</a:t>
          </a:r>
          <a:r>
            <a:rPr lang="ja-JP" altLang="en-US" sz="900" b="0" i="0" baseline="0">
              <a:effectLst/>
              <a:latin typeface="+mn-lt"/>
              <a:ea typeface="+mn-ea"/>
              <a:cs typeface="+mn-cs"/>
            </a:rPr>
            <a:t>２</a:t>
          </a:r>
          <a:r>
            <a:rPr lang="ja-JP" altLang="ja-JP" sz="900" b="0" i="0" baseline="0">
              <a:effectLst/>
              <a:latin typeface="+mn-lt"/>
              <a:ea typeface="+mn-ea"/>
              <a:cs typeface="+mn-cs"/>
            </a:rPr>
            <a:t>から、課税売上割合を計算。</a:t>
          </a:r>
          <a:endParaRPr lang="ja-JP" altLang="ja-JP" sz="900">
            <a:effectLst/>
          </a:endParaRPr>
        </a:p>
        <a:p>
          <a:pPr rtl="0">
            <a:lnSpc>
              <a:spcPts val="1000"/>
            </a:lnSpc>
          </a:pPr>
          <a:r>
            <a:rPr lang="ja-JP" altLang="ja-JP" sz="900" b="0" i="0" baseline="0">
              <a:effectLst/>
              <a:latin typeface="+mn-lt"/>
              <a:ea typeface="+mn-ea"/>
              <a:cs typeface="+mn-cs"/>
            </a:rPr>
            <a:t>④</a:t>
          </a:r>
          <a:r>
            <a:rPr lang="en-US" altLang="ja-JP" sz="900" b="0" i="0" baseline="0">
              <a:effectLst/>
              <a:latin typeface="+mn-lt"/>
              <a:ea typeface="+mn-ea"/>
              <a:cs typeface="+mn-cs"/>
            </a:rPr>
            <a:t>(</a:t>
          </a:r>
          <a:r>
            <a:rPr lang="ja-JP" altLang="ja-JP" sz="900" b="0" i="0" baseline="0">
              <a:effectLst/>
              <a:latin typeface="+mn-lt"/>
              <a:ea typeface="+mn-ea"/>
              <a:cs typeface="+mn-cs"/>
            </a:rPr>
            <a:t>課税資産の譲渡等対価の額 ）</a:t>
          </a:r>
          <a:r>
            <a:rPr lang="en-US" altLang="ja-JP" sz="900" b="0" i="0" baseline="0">
              <a:effectLst/>
              <a:latin typeface="+mn-lt"/>
              <a:ea typeface="+mn-ea"/>
              <a:cs typeface="+mn-cs"/>
            </a:rPr>
            <a:t>÷⑦(</a:t>
          </a:r>
          <a:r>
            <a:rPr lang="ja-JP" altLang="ja-JP" sz="900" b="0" i="0" baseline="0">
              <a:effectLst/>
              <a:latin typeface="+mn-lt"/>
              <a:ea typeface="+mn-ea"/>
              <a:cs typeface="+mn-cs"/>
            </a:rPr>
            <a:t>資産譲渡等の対価の額となります。</a:t>
          </a:r>
          <a:endParaRPr lang="ja-JP" altLang="ja-JP" sz="900">
            <a:effectLst/>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8</xdr:col>
      <xdr:colOff>49530</xdr:colOff>
      <xdr:row>1</xdr:row>
      <xdr:rowOff>0</xdr:rowOff>
    </xdr:from>
    <xdr:to>
      <xdr:col>9</xdr:col>
      <xdr:colOff>683644</xdr:colOff>
      <xdr:row>3</xdr:row>
      <xdr:rowOff>38100</xdr:rowOff>
    </xdr:to>
    <xdr:sp macro="" textlink="">
      <xdr:nvSpPr>
        <xdr:cNvPr id="2" name="AutoShape 17"/>
        <xdr:cNvSpPr>
          <a:spLocks noChangeArrowheads="1"/>
        </xdr:cNvSpPr>
      </xdr:nvSpPr>
      <xdr:spPr bwMode="auto">
        <a:xfrm>
          <a:off x="4240530" y="167640"/>
          <a:ext cx="1434214" cy="373380"/>
        </a:xfrm>
        <a:prstGeom prst="roundRect">
          <a:avLst>
            <a:gd name="adj" fmla="val 16667"/>
          </a:avLst>
        </a:prstGeom>
        <a:solidFill>
          <a:schemeClr val="bg1"/>
        </a:solidFill>
        <a:ln w="19050">
          <a:solidFill>
            <a:schemeClr val="tx1"/>
          </a:solidFill>
          <a:round/>
          <a:headEnd/>
          <a:tailEnd/>
        </a:ln>
      </xdr:spPr>
      <xdr:txBody>
        <a:bodyPr vertOverflow="clip" wrap="square" lIns="0" tIns="0" rIns="0" bIns="0" anchor="ctr" upright="1"/>
        <a:lstStyle/>
        <a:p>
          <a:pPr algn="ctr" rtl="0">
            <a:defRPr sz="1000"/>
          </a:pPr>
          <a:r>
            <a:rPr lang="ja-JP" altLang="en-US" sz="1400" b="1" i="0" u="none" strike="noStrike" baseline="0">
              <a:solidFill>
                <a:srgbClr val="000000"/>
              </a:solidFill>
              <a:latin typeface="ＭＳ ゴシック"/>
              <a:ea typeface="ＭＳ ゴシック"/>
            </a:rPr>
            <a:t>作成例</a:t>
          </a:r>
        </a:p>
      </xdr:txBody>
    </xdr:sp>
    <xdr:clientData/>
  </xdr:twoCellAnchor>
  <xdr:twoCellAnchor>
    <xdr:from>
      <xdr:col>0</xdr:col>
      <xdr:colOff>137160</xdr:colOff>
      <xdr:row>1</xdr:row>
      <xdr:rowOff>0</xdr:rowOff>
    </xdr:from>
    <xdr:to>
      <xdr:col>7</xdr:col>
      <xdr:colOff>596282</xdr:colOff>
      <xdr:row>3</xdr:row>
      <xdr:rowOff>47625</xdr:rowOff>
    </xdr:to>
    <xdr:sp macro="" textlink="">
      <xdr:nvSpPr>
        <xdr:cNvPr id="3" name="角丸四角形 2"/>
        <xdr:cNvSpPr/>
      </xdr:nvSpPr>
      <xdr:spPr>
        <a:xfrm>
          <a:off x="137160" y="167640"/>
          <a:ext cx="3850022" cy="382905"/>
        </a:xfrm>
        <a:prstGeom prst="roundRect">
          <a:avLst/>
        </a:prstGeom>
        <a:solidFill>
          <a:schemeClr val="bg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050">
              <a:solidFill>
                <a:sysClr val="windowText" lastClr="000000"/>
              </a:solidFill>
              <a:latin typeface="ＭＳ ゴシック" pitchFamily="49" charset="-128"/>
              <a:ea typeface="ＭＳ ゴシック" pitchFamily="49" charset="-128"/>
            </a:rPr>
            <a:t>返納がない場合 </a:t>
          </a:r>
          <a:r>
            <a:rPr kumimoji="1" lang="en-US" altLang="ja-JP" sz="1050">
              <a:solidFill>
                <a:sysClr val="windowText" lastClr="000000"/>
              </a:solidFill>
              <a:latin typeface="ＭＳ ゴシック" pitchFamily="49" charset="-128"/>
              <a:ea typeface="ＭＳ ゴシック" pitchFamily="49" charset="-128"/>
            </a:rPr>
            <a:t>(</a:t>
          </a:r>
          <a:r>
            <a:rPr kumimoji="1" lang="ja-JP" altLang="en-US" sz="1050">
              <a:solidFill>
                <a:sysClr val="windowText" lastClr="000000"/>
              </a:solidFill>
              <a:latin typeface="ＭＳ ゴシック" pitchFamily="49" charset="-128"/>
              <a:ea typeface="ＭＳ ゴシック" pitchFamily="49" charset="-128"/>
            </a:rPr>
            <a:t>仕入控除税額がない場合の記入例</a:t>
          </a:r>
          <a:r>
            <a:rPr kumimoji="1" lang="en-US" altLang="ja-JP" sz="1050">
              <a:solidFill>
                <a:sysClr val="windowText" lastClr="000000"/>
              </a:solidFill>
              <a:latin typeface="ＭＳ ゴシック" pitchFamily="49" charset="-128"/>
              <a:ea typeface="ＭＳ ゴシック" pitchFamily="49" charset="-128"/>
            </a:rPr>
            <a:t>)</a:t>
          </a:r>
        </a:p>
      </xdr:txBody>
    </xdr:sp>
    <xdr:clientData/>
  </xdr:twoCellAnchor>
  <xdr:twoCellAnchor>
    <xdr:from>
      <xdr:col>4</xdr:col>
      <xdr:colOff>1025524</xdr:colOff>
      <xdr:row>24</xdr:row>
      <xdr:rowOff>137583</xdr:rowOff>
    </xdr:from>
    <xdr:to>
      <xdr:col>10</xdr:col>
      <xdr:colOff>342937</xdr:colOff>
      <xdr:row>39</xdr:row>
      <xdr:rowOff>158749</xdr:rowOff>
    </xdr:to>
    <xdr:sp macro="" textlink="">
      <xdr:nvSpPr>
        <xdr:cNvPr id="4" name="角丸四角形吹き出し 3"/>
        <xdr:cNvSpPr/>
      </xdr:nvSpPr>
      <xdr:spPr>
        <a:xfrm>
          <a:off x="1947544" y="5380143"/>
          <a:ext cx="4194213" cy="3457786"/>
        </a:xfrm>
        <a:prstGeom prst="wedgeRoundRectCallout">
          <a:avLst>
            <a:gd name="adj1" fmla="val -68823"/>
            <a:gd name="adj2" fmla="val -52810"/>
            <a:gd name="adj3" fmla="val 16667"/>
          </a:avLst>
        </a:prstGeom>
        <a:solidFill>
          <a:schemeClr val="bg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1050">
              <a:solidFill>
                <a:sysClr val="windowText" lastClr="000000"/>
              </a:solidFill>
            </a:rPr>
            <a:t>返納が生じない理由を記載します。記載例は次のとおりです。</a:t>
          </a:r>
          <a:endParaRPr kumimoji="1" lang="en-US" altLang="ja-JP" sz="1050">
            <a:solidFill>
              <a:sysClr val="windowText" lastClr="000000"/>
            </a:solidFill>
          </a:endParaRPr>
        </a:p>
        <a:p>
          <a:pPr algn="l"/>
          <a:endParaRPr kumimoji="1" lang="en-US" altLang="ja-JP" sz="900">
            <a:solidFill>
              <a:sysClr val="windowText" lastClr="000000"/>
            </a:solidFill>
          </a:endParaRPr>
        </a:p>
        <a:p>
          <a:pPr algn="l"/>
          <a:r>
            <a:rPr kumimoji="1" lang="ja-JP" altLang="en-US" sz="900">
              <a:solidFill>
                <a:sysClr val="windowText" lastClr="000000"/>
              </a:solidFill>
            </a:rPr>
            <a:t>＜例＞</a:t>
          </a:r>
          <a:endParaRPr kumimoji="1" lang="en-US" altLang="ja-JP" sz="900">
            <a:solidFill>
              <a:sysClr val="windowText" lastClr="000000"/>
            </a:solidFill>
          </a:endParaRPr>
        </a:p>
        <a:p>
          <a:pPr indent="-360000" algn="l">
            <a:lnSpc>
              <a:spcPct val="150000"/>
            </a:lnSpc>
          </a:pPr>
          <a:r>
            <a:rPr kumimoji="1" lang="ja-JP" altLang="en-US" sz="900">
              <a:solidFill>
                <a:sysClr val="windowText" lastClr="000000"/>
              </a:solidFill>
            </a:rPr>
            <a:t>・特定収入割合が５％を超えるため、補助金に係る消費税及び地方消費税</a:t>
          </a:r>
          <a:endParaRPr kumimoji="1" lang="en-US" altLang="ja-JP" sz="900">
            <a:solidFill>
              <a:sysClr val="windowText" lastClr="000000"/>
            </a:solidFill>
          </a:endParaRPr>
        </a:p>
        <a:p>
          <a:pPr indent="-360000" algn="l">
            <a:lnSpc>
              <a:spcPct val="150000"/>
            </a:lnSpc>
          </a:pPr>
          <a:r>
            <a:rPr kumimoji="1" lang="ja-JP" altLang="en-US" sz="900">
              <a:solidFill>
                <a:sysClr val="windowText" lastClr="000000"/>
              </a:solidFill>
            </a:rPr>
            <a:t>　の仕入控除税額がない。</a:t>
          </a:r>
          <a:endParaRPr kumimoji="1" lang="en-US" altLang="ja-JP" sz="900">
            <a:solidFill>
              <a:sysClr val="windowText" lastClr="000000"/>
            </a:solidFill>
          </a:endParaRPr>
        </a:p>
        <a:p>
          <a:pPr indent="-457200" algn="l">
            <a:lnSpc>
              <a:spcPct val="150000"/>
            </a:lnSpc>
          </a:pPr>
          <a:r>
            <a:rPr kumimoji="1" lang="ja-JP" altLang="en-US" sz="900">
              <a:solidFill>
                <a:sysClr val="windowText" lastClr="000000"/>
              </a:solidFill>
            </a:rPr>
            <a:t>・簡易課税方式により申告したため、補助金に係る消費税及び地方消費税</a:t>
          </a:r>
          <a:endParaRPr kumimoji="1" lang="en-US" altLang="ja-JP" sz="900">
            <a:solidFill>
              <a:sysClr val="windowText" lastClr="000000"/>
            </a:solidFill>
          </a:endParaRPr>
        </a:p>
        <a:p>
          <a:pPr indent="-457200" algn="l">
            <a:lnSpc>
              <a:spcPct val="150000"/>
            </a:lnSpc>
          </a:pPr>
          <a:r>
            <a:rPr kumimoji="1" lang="ja-JP" altLang="en-US" sz="900">
              <a:solidFill>
                <a:sysClr val="windowText" lastClr="000000"/>
              </a:solidFill>
            </a:rPr>
            <a:t>　の仕入控除税額がない。</a:t>
          </a:r>
          <a:endParaRPr kumimoji="1" lang="en-US" altLang="ja-JP" sz="900">
            <a:solidFill>
              <a:sysClr val="windowText" lastClr="000000"/>
            </a:solidFill>
          </a:endParaRPr>
        </a:p>
        <a:p>
          <a:pPr indent="-457200" algn="l">
            <a:lnSpc>
              <a:spcPct val="150000"/>
            </a:lnSpc>
          </a:pPr>
          <a:r>
            <a:rPr kumimoji="1" lang="ja-JP" altLang="en-US" sz="900">
              <a:solidFill>
                <a:sysClr val="windowText" lastClr="000000"/>
              </a:solidFill>
            </a:rPr>
            <a:t>・～の理由により、消費税の申告義務がないため、補助金に係る消費税及び</a:t>
          </a:r>
          <a:endParaRPr kumimoji="1" lang="en-US" altLang="ja-JP" sz="900">
            <a:solidFill>
              <a:sysClr val="windowText" lastClr="000000"/>
            </a:solidFill>
          </a:endParaRPr>
        </a:p>
        <a:p>
          <a:pPr indent="-457200" algn="l">
            <a:lnSpc>
              <a:spcPct val="150000"/>
            </a:lnSpc>
          </a:pPr>
          <a:r>
            <a:rPr kumimoji="1" lang="ja-JP" altLang="en-US" sz="900">
              <a:solidFill>
                <a:sysClr val="windowText" lastClr="000000"/>
              </a:solidFill>
            </a:rPr>
            <a:t>　地方消費税の仕入控除税額がない。</a:t>
          </a:r>
          <a:endParaRPr kumimoji="1" lang="en-US" altLang="ja-JP" sz="900">
            <a:solidFill>
              <a:sysClr val="windowText" lastClr="000000"/>
            </a:solidFill>
          </a:endParaRPr>
        </a:p>
        <a:p>
          <a:pPr indent="-457200" algn="l">
            <a:lnSpc>
              <a:spcPct val="150000"/>
            </a:lnSpc>
          </a:pPr>
          <a:r>
            <a:rPr kumimoji="1" lang="ja-JP" altLang="en-US" sz="900">
              <a:solidFill>
                <a:sysClr val="windowText" lastClr="000000"/>
              </a:solidFill>
            </a:rPr>
            <a:t>・補助対象経費が人件費等の非課税仕入だけになっている。</a:t>
          </a:r>
          <a:endParaRPr kumimoji="1" lang="en-US" altLang="ja-JP" sz="900">
            <a:solidFill>
              <a:sysClr val="windowText" lastClr="000000"/>
            </a:solidFill>
          </a:endParaRPr>
        </a:p>
        <a:p>
          <a:pPr indent="-457200" algn="l">
            <a:lnSpc>
              <a:spcPct val="150000"/>
            </a:lnSpc>
          </a:pPr>
          <a:r>
            <a:rPr kumimoji="1" lang="ja-JP" altLang="en-US" sz="900">
              <a:solidFill>
                <a:sysClr val="windowText" lastClr="000000"/>
              </a:solidFill>
            </a:rPr>
            <a:t>など</a:t>
          </a:r>
          <a:endParaRPr kumimoji="1" lang="en-US" altLang="ja-JP" sz="900">
            <a:solidFill>
              <a:sysClr val="windowText" lastClr="000000"/>
            </a:solidFill>
          </a:endParaRPr>
        </a:p>
        <a:p>
          <a:pPr indent="-457200" algn="l">
            <a:lnSpc>
              <a:spcPct val="150000"/>
            </a:lnSpc>
          </a:pPr>
          <a:r>
            <a:rPr kumimoji="1" lang="en-US" altLang="ja-JP" sz="900">
              <a:solidFill>
                <a:sysClr val="windowText" lastClr="000000"/>
              </a:solidFill>
              <a:latin typeface="ＭＳ ゴシック" pitchFamily="49" charset="-128"/>
              <a:ea typeface="ＭＳ ゴシック" pitchFamily="49" charset="-128"/>
            </a:rPr>
            <a:t>※</a:t>
          </a:r>
          <a:r>
            <a:rPr kumimoji="1" lang="ja-JP" altLang="en-US" sz="900">
              <a:solidFill>
                <a:sysClr val="windowText" lastClr="000000"/>
              </a:solidFill>
              <a:latin typeface="ＭＳ ゴシック" pitchFamily="49" charset="-128"/>
              <a:ea typeface="ＭＳ ゴシック" pitchFamily="49" charset="-128"/>
            </a:rPr>
            <a:t>　仕入控除税額がある場合は「返納がある場合」の記入例</a:t>
          </a:r>
          <a:endParaRPr kumimoji="1" lang="en-US" altLang="ja-JP" sz="900">
            <a:solidFill>
              <a:sysClr val="windowText" lastClr="000000"/>
            </a:solidFill>
            <a:latin typeface="ＭＳ ゴシック" pitchFamily="49" charset="-128"/>
            <a:ea typeface="ＭＳ ゴシック" pitchFamily="49" charset="-128"/>
          </a:endParaRPr>
        </a:p>
        <a:p>
          <a:pPr indent="-457200" algn="l">
            <a:lnSpc>
              <a:spcPct val="150000"/>
            </a:lnSpc>
          </a:pPr>
          <a:r>
            <a:rPr kumimoji="1" lang="ja-JP" altLang="en-US" sz="900">
              <a:solidFill>
                <a:sysClr val="windowText" lastClr="000000"/>
              </a:solidFill>
              <a:latin typeface="ＭＳ ゴシック" pitchFamily="49" charset="-128"/>
              <a:ea typeface="ＭＳ ゴシック" pitchFamily="49" charset="-128"/>
            </a:rPr>
            <a:t>　　を参考に記入してください。</a:t>
          </a:r>
          <a:endParaRPr kumimoji="1" lang="en-US" altLang="ja-JP" sz="900">
            <a:solidFill>
              <a:sysClr val="windowText" lastClr="000000"/>
            </a:solidFill>
            <a:latin typeface="ＭＳ ゴシック" pitchFamily="49" charset="-128"/>
            <a:ea typeface="ＭＳ ゴシック" pitchFamily="49" charset="-128"/>
          </a:endParaRPr>
        </a:p>
        <a:p>
          <a:pPr indent="-457200" algn="l">
            <a:lnSpc>
              <a:spcPct val="150000"/>
            </a:lnSpc>
          </a:pPr>
          <a:endParaRPr kumimoji="1" lang="en-US" altLang="ja-JP" sz="900">
            <a:solidFill>
              <a:sysClr val="windowText" lastClr="000000"/>
            </a:solidFill>
            <a:latin typeface="ＭＳ ゴシック" pitchFamily="49" charset="-128"/>
            <a:ea typeface="ＭＳ ゴシック" pitchFamily="49" charset="-128"/>
          </a:endParaRPr>
        </a:p>
        <a:p>
          <a:pPr indent="-457200" algn="l">
            <a:lnSpc>
              <a:spcPct val="150000"/>
            </a:lnSpc>
          </a:pPr>
          <a:r>
            <a:rPr kumimoji="1" lang="ja-JP" altLang="en-US" sz="900" b="1">
              <a:solidFill>
                <a:srgbClr val="FF0000"/>
              </a:solidFill>
              <a:latin typeface="ＭＳ ゴシック" pitchFamily="49" charset="-128"/>
              <a:ea typeface="ＭＳ ゴシック" pitchFamily="49" charset="-128"/>
            </a:rPr>
            <a:t>→それぞれ根拠となる書類を添付してください。</a:t>
          </a:r>
          <a:endParaRPr kumimoji="1" lang="ja-JP" altLang="en-US" sz="900" b="1">
            <a:solidFill>
              <a:srgbClr val="FF0000"/>
            </a:solidFill>
          </a:endParaRPr>
        </a:p>
      </xdr:txBody>
    </xdr:sp>
    <xdr:clientData/>
  </xdr:twoCellAnchor>
  <xdr:twoCellAnchor>
    <xdr:from>
      <xdr:col>6</xdr:col>
      <xdr:colOff>605790</xdr:colOff>
      <xdr:row>9</xdr:row>
      <xdr:rowOff>217170</xdr:rowOff>
    </xdr:from>
    <xdr:to>
      <xdr:col>9</xdr:col>
      <xdr:colOff>546739</xdr:colOff>
      <xdr:row>12</xdr:row>
      <xdr:rowOff>28660</xdr:rowOff>
    </xdr:to>
    <xdr:sp macro="" textlink="">
      <xdr:nvSpPr>
        <xdr:cNvPr id="5" name="角丸四角形吹き出し 4"/>
        <xdr:cNvSpPr/>
      </xdr:nvSpPr>
      <xdr:spPr>
        <a:xfrm>
          <a:off x="3249930" y="2030730"/>
          <a:ext cx="2287909" cy="497290"/>
        </a:xfrm>
        <a:prstGeom prst="wedgeRoundRectCallout">
          <a:avLst>
            <a:gd name="adj1" fmla="val -76453"/>
            <a:gd name="adj2" fmla="val -65723"/>
            <a:gd name="adj3" fmla="val 16667"/>
          </a:avLst>
        </a:prstGeom>
        <a:solidFill>
          <a:schemeClr val="bg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indent="-457200" algn="l">
            <a:lnSpc>
              <a:spcPct val="150000"/>
            </a:lnSpc>
          </a:pPr>
          <a:r>
            <a:rPr kumimoji="1" lang="ja-JP" altLang="en-US" sz="900">
              <a:solidFill>
                <a:sysClr val="windowText" lastClr="000000"/>
              </a:solidFill>
            </a:rPr>
            <a:t>別紙概要は、課程ごとに作成してください。</a:t>
          </a:r>
        </a:p>
      </xdr:txBody>
    </xdr:sp>
    <xdr:clientData/>
  </xdr:twoCellAnchor>
  <xdr:twoCellAnchor>
    <xdr:from>
      <xdr:col>5</xdr:col>
      <xdr:colOff>577215</xdr:colOff>
      <xdr:row>17</xdr:row>
      <xdr:rowOff>38100</xdr:rowOff>
    </xdr:from>
    <xdr:to>
      <xdr:col>8</xdr:col>
      <xdr:colOff>704950</xdr:colOff>
      <xdr:row>18</xdr:row>
      <xdr:rowOff>219075</xdr:rowOff>
    </xdr:to>
    <xdr:sp macro="" textlink="">
      <xdr:nvSpPr>
        <xdr:cNvPr id="6" name="角丸四角形吹き出し 5"/>
        <xdr:cNvSpPr/>
      </xdr:nvSpPr>
      <xdr:spPr>
        <a:xfrm>
          <a:off x="2604135" y="3680460"/>
          <a:ext cx="2291815" cy="409575"/>
        </a:xfrm>
        <a:prstGeom prst="wedgeRoundRectCallout">
          <a:avLst>
            <a:gd name="adj1" fmla="val -71109"/>
            <a:gd name="adj2" fmla="val 108797"/>
            <a:gd name="adj3" fmla="val 16667"/>
          </a:avLst>
        </a:prstGeom>
        <a:solidFill>
          <a:schemeClr val="bg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indent="-457200" algn="l">
            <a:lnSpc>
              <a:spcPct val="150000"/>
            </a:lnSpc>
          </a:pPr>
          <a:r>
            <a:rPr kumimoji="1" lang="ja-JP" altLang="en-US" sz="900">
              <a:solidFill>
                <a:sysClr val="windowText" lastClr="000000"/>
              </a:solidFill>
            </a:rPr>
            <a:t>県から交付を受けた額を記入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43"/>
  <sheetViews>
    <sheetView tabSelected="1" view="pageBreakPreview" zoomScaleNormal="100" zoomScaleSheetLayoutView="100" workbookViewId="0">
      <selection activeCell="O10" sqref="O10"/>
    </sheetView>
  </sheetViews>
  <sheetFormatPr defaultColWidth="9" defaultRowHeight="13.5" x14ac:dyDescent="0.15"/>
  <cols>
    <col min="1" max="4" width="6.25" style="3" customWidth="1"/>
    <col min="5" max="5" width="11.375" style="3" customWidth="1"/>
    <col min="6" max="7" width="7.5" style="3" customWidth="1"/>
    <col min="8" max="8" width="3.875" style="3" customWidth="1"/>
    <col min="9" max="9" width="30.375" style="3" customWidth="1"/>
    <col min="10" max="10" width="6" style="3" customWidth="1"/>
    <col min="11" max="16384" width="9" style="3"/>
  </cols>
  <sheetData>
    <row r="1" spans="1:10" ht="20.100000000000001" customHeight="1" x14ac:dyDescent="0.15">
      <c r="A1" t="s">
        <v>35</v>
      </c>
    </row>
    <row r="2" spans="1:10" ht="20.100000000000001" customHeight="1" x14ac:dyDescent="0.15">
      <c r="I2" s="83" t="s">
        <v>69</v>
      </c>
      <c r="J2" s="83"/>
    </row>
    <row r="3" spans="1:10" ht="20.100000000000001" customHeight="1" x14ac:dyDescent="0.15">
      <c r="I3" s="5"/>
      <c r="J3" s="5"/>
    </row>
    <row r="4" spans="1:10" ht="20.100000000000001" customHeight="1" x14ac:dyDescent="0.15"/>
    <row r="5" spans="1:10" ht="20.100000000000001" customHeight="1" x14ac:dyDescent="0.15">
      <c r="A5" s="3" t="s">
        <v>16</v>
      </c>
    </row>
    <row r="6" spans="1:10" ht="20.100000000000001" customHeight="1" x14ac:dyDescent="0.15"/>
    <row r="7" spans="1:10" ht="20.100000000000001" customHeight="1" x14ac:dyDescent="0.15">
      <c r="H7" s="6"/>
    </row>
    <row r="8" spans="1:10" ht="20.100000000000001" customHeight="1" x14ac:dyDescent="0.15">
      <c r="E8" t="s">
        <v>20</v>
      </c>
      <c r="F8" s="84" t="s">
        <v>17</v>
      </c>
      <c r="G8" s="84"/>
      <c r="H8" s="10"/>
      <c r="I8" s="1"/>
    </row>
    <row r="9" spans="1:10" ht="20.100000000000001" customHeight="1" x14ac:dyDescent="0.15">
      <c r="F9" s="84" t="s">
        <v>18</v>
      </c>
      <c r="G9" s="84"/>
      <c r="H9" s="10"/>
      <c r="J9" s="18"/>
    </row>
    <row r="10" spans="1:10" ht="20.100000000000001" customHeight="1" x14ac:dyDescent="0.15">
      <c r="F10" s="85" t="s">
        <v>32</v>
      </c>
      <c r="G10" s="84"/>
      <c r="H10" s="11"/>
      <c r="I10" s="1"/>
    </row>
    <row r="11" spans="1:10" ht="20.100000000000001" customHeight="1" x14ac:dyDescent="0.15">
      <c r="F11" s="84" t="s">
        <v>19</v>
      </c>
      <c r="G11" s="84"/>
      <c r="H11" s="10"/>
      <c r="I11" s="1"/>
      <c r="J11" s="19"/>
    </row>
    <row r="12" spans="1:10" ht="20.100000000000001" customHeight="1" x14ac:dyDescent="0.15">
      <c r="H12" s="7"/>
      <c r="J12" s="8"/>
    </row>
    <row r="13" spans="1:10" ht="20.100000000000001" customHeight="1" x14ac:dyDescent="0.15"/>
    <row r="14" spans="1:10" ht="20.100000000000001" customHeight="1" x14ac:dyDescent="0.15">
      <c r="A14" s="82" t="s">
        <v>72</v>
      </c>
      <c r="B14" s="82"/>
      <c r="C14" s="82"/>
      <c r="D14" s="82"/>
      <c r="E14" s="82"/>
      <c r="F14" s="82"/>
      <c r="G14" s="82"/>
      <c r="H14" s="82"/>
      <c r="I14" s="82"/>
      <c r="J14" s="82"/>
    </row>
    <row r="15" spans="1:10" ht="20.100000000000001" customHeight="1" x14ac:dyDescent="0.15">
      <c r="A15" s="82" t="s">
        <v>21</v>
      </c>
      <c r="B15" s="86"/>
      <c r="C15" s="86"/>
      <c r="D15" s="86"/>
      <c r="E15" s="86"/>
      <c r="F15" s="86"/>
      <c r="G15" s="86"/>
      <c r="H15" s="86"/>
      <c r="I15" s="86"/>
      <c r="J15" s="86"/>
    </row>
    <row r="16" spans="1:10" ht="20.100000000000001" customHeight="1" x14ac:dyDescent="0.15">
      <c r="A16" s="12"/>
      <c r="B16" s="9"/>
      <c r="C16" s="9"/>
      <c r="D16" s="9"/>
      <c r="E16" s="9"/>
      <c r="F16" s="9"/>
      <c r="G16" s="9"/>
      <c r="H16" s="9"/>
      <c r="I16" s="9"/>
      <c r="J16" s="9"/>
    </row>
    <row r="17" spans="1:9" ht="20.100000000000001" customHeight="1" x14ac:dyDescent="0.15"/>
    <row r="18" spans="1:9" ht="20.100000000000001" customHeight="1" x14ac:dyDescent="0.15">
      <c r="A18" s="12" t="s">
        <v>73</v>
      </c>
    </row>
    <row r="19" spans="1:9" ht="20.100000000000001" customHeight="1" x14ac:dyDescent="0.15">
      <c r="A19" t="s">
        <v>36</v>
      </c>
    </row>
    <row r="20" spans="1:9" ht="20.100000000000001" customHeight="1" x14ac:dyDescent="0.15"/>
    <row r="21" spans="1:9" ht="20.100000000000001" customHeight="1" x14ac:dyDescent="0.15">
      <c r="A21" t="s">
        <v>22</v>
      </c>
    </row>
    <row r="22" spans="1:9" ht="20.100000000000001" customHeight="1" x14ac:dyDescent="0.15">
      <c r="A22" t="s">
        <v>23</v>
      </c>
      <c r="C22" t="s">
        <v>24</v>
      </c>
      <c r="D22" s="13" t="s">
        <v>0</v>
      </c>
      <c r="E22" s="87"/>
      <c r="F22" s="87"/>
      <c r="G22" s="14" t="s">
        <v>1</v>
      </c>
      <c r="I22"/>
    </row>
    <row r="23" spans="1:9" ht="20.100000000000001" customHeight="1" x14ac:dyDescent="0.15"/>
    <row r="24" spans="1:9" ht="20.100000000000001" customHeight="1" x14ac:dyDescent="0.15">
      <c r="A24" s="3" t="s">
        <v>25</v>
      </c>
    </row>
    <row r="25" spans="1:9" ht="20.100000000000001" customHeight="1" x14ac:dyDescent="0.15">
      <c r="D25" s="13" t="s">
        <v>0</v>
      </c>
      <c r="E25" s="87"/>
      <c r="F25" s="87"/>
      <c r="G25" t="s">
        <v>1</v>
      </c>
      <c r="I25"/>
    </row>
    <row r="26" spans="1:9" ht="20.100000000000001" customHeight="1" x14ac:dyDescent="0.15">
      <c r="D26" s="13"/>
      <c r="I26"/>
    </row>
    <row r="27" spans="1:9" ht="20.100000000000001" customHeight="1" x14ac:dyDescent="0.15">
      <c r="A27" s="3" t="s">
        <v>26</v>
      </c>
    </row>
    <row r="28" spans="1:9" ht="20.100000000000001" customHeight="1" x14ac:dyDescent="0.15">
      <c r="A28" s="3" t="s">
        <v>27</v>
      </c>
    </row>
    <row r="29" spans="1:9" ht="20.100000000000001" customHeight="1" x14ac:dyDescent="0.15">
      <c r="A29" s="3" t="s">
        <v>40</v>
      </c>
    </row>
    <row r="30" spans="1:9" ht="20.100000000000001" customHeight="1" x14ac:dyDescent="0.15">
      <c r="A30" s="3" t="s">
        <v>28</v>
      </c>
    </row>
    <row r="31" spans="1:9" ht="20.100000000000001" customHeight="1" x14ac:dyDescent="0.15"/>
    <row r="32" spans="1:9" ht="20.100000000000001" customHeight="1" x14ac:dyDescent="0.15"/>
    <row r="33" spans="6:9" ht="20.100000000000001" customHeight="1" x14ac:dyDescent="0.15"/>
    <row r="34" spans="6:9" ht="20.100000000000001" customHeight="1" x14ac:dyDescent="0.15">
      <c r="G34" t="s">
        <v>37</v>
      </c>
    </row>
    <row r="35" spans="6:9" ht="20.100000000000001" customHeight="1" x14ac:dyDescent="0.15">
      <c r="G35" s="82"/>
      <c r="H35" s="86"/>
      <c r="I35" s="86"/>
    </row>
    <row r="36" spans="6:9" ht="20.100000000000001" customHeight="1" x14ac:dyDescent="0.15">
      <c r="F36" s="14"/>
      <c r="G36" s="82" t="s">
        <v>42</v>
      </c>
      <c r="H36" s="82"/>
      <c r="I36" s="14"/>
    </row>
    <row r="37" spans="6:9" ht="20.100000000000001" customHeight="1" x14ac:dyDescent="0.15">
      <c r="F37" s="14"/>
      <c r="G37" s="14" t="s">
        <v>41</v>
      </c>
      <c r="I37" s="14"/>
    </row>
    <row r="38" spans="6:9" ht="20.100000000000001" customHeight="1" x14ac:dyDescent="0.15"/>
    <row r="39" spans="6:9" ht="20.100000000000001" customHeight="1" x14ac:dyDescent="0.15"/>
    <row r="40" spans="6:9" ht="20.100000000000001" customHeight="1" x14ac:dyDescent="0.15"/>
    <row r="41" spans="6:9" ht="20.100000000000001" customHeight="1" x14ac:dyDescent="0.15"/>
    <row r="42" spans="6:9" ht="20.100000000000001" customHeight="1" x14ac:dyDescent="0.15"/>
    <row r="43" spans="6:9" ht="20.100000000000001" customHeight="1" x14ac:dyDescent="0.15"/>
  </sheetData>
  <mergeCells count="11">
    <mergeCell ref="A15:J15"/>
    <mergeCell ref="E22:F22"/>
    <mergeCell ref="E25:F25"/>
    <mergeCell ref="G35:I35"/>
    <mergeCell ref="G36:H36"/>
    <mergeCell ref="A14:J14"/>
    <mergeCell ref="I2:J2"/>
    <mergeCell ref="F8:G8"/>
    <mergeCell ref="F9:G9"/>
    <mergeCell ref="F10:G10"/>
    <mergeCell ref="F11:G11"/>
  </mergeCells>
  <phoneticPr fontId="2"/>
  <pageMargins left="0.78700000000000003" right="0.45" top="0.8" bottom="0.56000000000000005" header="0.75" footer="0.37"/>
  <pageSetup paperSize="9" scale="98"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43"/>
  <sheetViews>
    <sheetView showGridLines="0" view="pageBreakPreview" zoomScaleNormal="100" zoomScaleSheetLayoutView="100" workbookViewId="0">
      <selection activeCell="A15" sqref="A15:J15"/>
    </sheetView>
  </sheetViews>
  <sheetFormatPr defaultColWidth="9" defaultRowHeight="13.5" x14ac:dyDescent="0.15"/>
  <cols>
    <col min="1" max="4" width="6.25" style="3" customWidth="1"/>
    <col min="5" max="5" width="11.375" style="3" customWidth="1"/>
    <col min="6" max="7" width="7.5" style="3" customWidth="1"/>
    <col min="8" max="8" width="3.875" style="3" customWidth="1"/>
    <col min="9" max="9" width="30.375" style="3" customWidth="1"/>
    <col min="10" max="10" width="6" style="3" customWidth="1"/>
    <col min="11" max="16384" width="9" style="3"/>
  </cols>
  <sheetData>
    <row r="1" spans="1:10" ht="20.100000000000001" customHeight="1" x14ac:dyDescent="0.15">
      <c r="A1" t="s">
        <v>35</v>
      </c>
    </row>
    <row r="2" spans="1:10" ht="20.100000000000001" customHeight="1" x14ac:dyDescent="0.15">
      <c r="I2" s="83" t="s">
        <v>74</v>
      </c>
      <c r="J2" s="83"/>
    </row>
    <row r="3" spans="1:10" ht="20.100000000000001" customHeight="1" x14ac:dyDescent="0.15">
      <c r="I3" s="5"/>
      <c r="J3" s="5"/>
    </row>
    <row r="4" spans="1:10" ht="20.100000000000001" customHeight="1" x14ac:dyDescent="0.15"/>
    <row r="5" spans="1:10" ht="20.100000000000001" customHeight="1" x14ac:dyDescent="0.15">
      <c r="A5" s="3" t="s">
        <v>16</v>
      </c>
    </row>
    <row r="6" spans="1:10" ht="20.100000000000001" customHeight="1" x14ac:dyDescent="0.15"/>
    <row r="7" spans="1:10" ht="20.100000000000001" customHeight="1" x14ac:dyDescent="0.15">
      <c r="H7" s="6"/>
    </row>
    <row r="8" spans="1:10" ht="20.100000000000001" customHeight="1" x14ac:dyDescent="0.15">
      <c r="E8" t="s">
        <v>20</v>
      </c>
      <c r="F8" s="84" t="s">
        <v>17</v>
      </c>
      <c r="G8" s="84"/>
      <c r="H8" s="10"/>
      <c r="I8" s="16" t="s">
        <v>2</v>
      </c>
    </row>
    <row r="9" spans="1:10" ht="20.100000000000001" customHeight="1" x14ac:dyDescent="0.15">
      <c r="F9" s="84" t="s">
        <v>18</v>
      </c>
      <c r="G9" s="84"/>
      <c r="H9" s="10"/>
      <c r="I9" s="16" t="s">
        <v>14</v>
      </c>
    </row>
    <row r="10" spans="1:10" ht="20.100000000000001" customHeight="1" x14ac:dyDescent="0.15">
      <c r="F10" s="85" t="s">
        <v>32</v>
      </c>
      <c r="G10" s="84"/>
      <c r="H10" s="11"/>
      <c r="I10" s="16" t="s">
        <v>15</v>
      </c>
    </row>
    <row r="11" spans="1:10" ht="20.100000000000001" customHeight="1" x14ac:dyDescent="0.15">
      <c r="F11" s="84" t="s">
        <v>19</v>
      </c>
      <c r="G11" s="84"/>
      <c r="H11" s="10"/>
      <c r="I11" s="16" t="s">
        <v>3</v>
      </c>
      <c r="J11" s="9"/>
    </row>
    <row r="12" spans="1:10" ht="20.100000000000001" customHeight="1" x14ac:dyDescent="0.15">
      <c r="H12" s="7"/>
      <c r="J12" s="8"/>
    </row>
    <row r="13" spans="1:10" ht="20.100000000000001" customHeight="1" x14ac:dyDescent="0.15"/>
    <row r="14" spans="1:10" ht="20.100000000000001" customHeight="1" x14ac:dyDescent="0.15">
      <c r="A14" s="82" t="s">
        <v>72</v>
      </c>
      <c r="B14" s="82"/>
      <c r="C14" s="82"/>
      <c r="D14" s="82"/>
      <c r="E14" s="82"/>
      <c r="F14" s="82"/>
      <c r="G14" s="82"/>
      <c r="H14" s="82"/>
      <c r="I14" s="82"/>
      <c r="J14" s="82"/>
    </row>
    <row r="15" spans="1:10" ht="20.100000000000001" customHeight="1" x14ac:dyDescent="0.15">
      <c r="A15" s="82" t="s">
        <v>21</v>
      </c>
      <c r="B15" s="82"/>
      <c r="C15" s="82"/>
      <c r="D15" s="82"/>
      <c r="E15" s="82"/>
      <c r="F15" s="82"/>
      <c r="G15" s="82"/>
      <c r="H15" s="82"/>
      <c r="I15" s="82"/>
      <c r="J15" s="82"/>
    </row>
    <row r="16" spans="1:10" ht="20.100000000000001" customHeight="1" x14ac:dyDescent="0.15">
      <c r="A16" s="76"/>
      <c r="B16" s="77"/>
      <c r="C16" s="77"/>
      <c r="D16" s="77"/>
      <c r="E16" s="77"/>
      <c r="F16" s="77"/>
      <c r="G16" s="77"/>
      <c r="H16" s="77"/>
      <c r="I16" s="77"/>
      <c r="J16" s="77"/>
    </row>
    <row r="17" spans="1:9" ht="20.100000000000001" customHeight="1" x14ac:dyDescent="0.15"/>
    <row r="18" spans="1:9" ht="20.100000000000001" customHeight="1" x14ac:dyDescent="0.15">
      <c r="A18" s="81" t="s">
        <v>73</v>
      </c>
    </row>
    <row r="19" spans="1:9" ht="20.100000000000001" customHeight="1" x14ac:dyDescent="0.15">
      <c r="A19" t="s">
        <v>36</v>
      </c>
    </row>
    <row r="20" spans="1:9" ht="20.100000000000001" customHeight="1" x14ac:dyDescent="0.15"/>
    <row r="21" spans="1:9" ht="20.100000000000001" customHeight="1" x14ac:dyDescent="0.15">
      <c r="A21" t="s">
        <v>22</v>
      </c>
    </row>
    <row r="22" spans="1:9" ht="20.100000000000001" customHeight="1" x14ac:dyDescent="0.15">
      <c r="A22" t="s">
        <v>23</v>
      </c>
      <c r="C22" t="s">
        <v>24</v>
      </c>
      <c r="D22" s="13" t="s">
        <v>0</v>
      </c>
      <c r="E22" s="88">
        <v>2000000</v>
      </c>
      <c r="F22" s="88"/>
      <c r="G22" s="14" t="s">
        <v>1</v>
      </c>
      <c r="I22"/>
    </row>
    <row r="23" spans="1:9" ht="20.100000000000001" customHeight="1" x14ac:dyDescent="0.15"/>
    <row r="24" spans="1:9" ht="20.100000000000001" customHeight="1" x14ac:dyDescent="0.15">
      <c r="A24" s="3" t="s">
        <v>25</v>
      </c>
    </row>
    <row r="25" spans="1:9" ht="20.100000000000001" customHeight="1" x14ac:dyDescent="0.15">
      <c r="D25" s="13" t="s">
        <v>0</v>
      </c>
      <c r="E25" s="88">
        <v>6911</v>
      </c>
      <c r="F25" s="88"/>
      <c r="G25" t="s">
        <v>1</v>
      </c>
      <c r="I25"/>
    </row>
    <row r="26" spans="1:9" ht="20.100000000000001" customHeight="1" x14ac:dyDescent="0.15">
      <c r="D26" s="13"/>
      <c r="I26"/>
    </row>
    <row r="27" spans="1:9" ht="20.100000000000001" customHeight="1" x14ac:dyDescent="0.15">
      <c r="A27" s="3" t="s">
        <v>26</v>
      </c>
    </row>
    <row r="28" spans="1:9" ht="20.100000000000001" customHeight="1" x14ac:dyDescent="0.15">
      <c r="A28" s="3" t="s">
        <v>27</v>
      </c>
    </row>
    <row r="29" spans="1:9" ht="20.100000000000001" customHeight="1" x14ac:dyDescent="0.15">
      <c r="A29" s="3" t="s">
        <v>40</v>
      </c>
    </row>
    <row r="30" spans="1:9" ht="20.100000000000001" customHeight="1" x14ac:dyDescent="0.15">
      <c r="A30" s="3" t="s">
        <v>28</v>
      </c>
    </row>
    <row r="31" spans="1:9" ht="20.100000000000001" customHeight="1" x14ac:dyDescent="0.15"/>
    <row r="32" spans="1:9" ht="20.100000000000001" customHeight="1" x14ac:dyDescent="0.15"/>
    <row r="33" spans="6:9" ht="20.100000000000001" customHeight="1" x14ac:dyDescent="0.15"/>
    <row r="34" spans="6:9" ht="20.100000000000001" customHeight="1" x14ac:dyDescent="0.15">
      <c r="G34" t="s">
        <v>37</v>
      </c>
    </row>
    <row r="35" spans="6:9" ht="20.100000000000001" customHeight="1" x14ac:dyDescent="0.15">
      <c r="G35" s="89" t="s">
        <v>29</v>
      </c>
      <c r="H35" s="89"/>
      <c r="I35" s="89"/>
    </row>
    <row r="36" spans="6:9" ht="20.100000000000001" customHeight="1" x14ac:dyDescent="0.15">
      <c r="F36" s="14"/>
      <c r="G36" s="82" t="s">
        <v>38</v>
      </c>
      <c r="H36" s="82"/>
      <c r="I36" s="17" t="s">
        <v>30</v>
      </c>
    </row>
    <row r="37" spans="6:9" ht="20.100000000000001" customHeight="1" x14ac:dyDescent="0.15">
      <c r="F37" s="14"/>
      <c r="G37" s="14" t="s">
        <v>39</v>
      </c>
      <c r="I37" s="17" t="s">
        <v>31</v>
      </c>
    </row>
    <row r="38" spans="6:9" ht="20.100000000000001" customHeight="1" x14ac:dyDescent="0.15"/>
    <row r="39" spans="6:9" ht="20.100000000000001" customHeight="1" x14ac:dyDescent="0.15"/>
    <row r="40" spans="6:9" ht="20.100000000000001" customHeight="1" x14ac:dyDescent="0.15"/>
    <row r="41" spans="6:9" ht="20.100000000000001" customHeight="1" x14ac:dyDescent="0.15"/>
    <row r="42" spans="6:9" ht="20.100000000000001" customHeight="1" x14ac:dyDescent="0.15"/>
    <row r="43" spans="6:9" ht="20.100000000000001" customHeight="1" x14ac:dyDescent="0.15"/>
  </sheetData>
  <mergeCells count="11">
    <mergeCell ref="E22:F22"/>
    <mergeCell ref="E25:F25"/>
    <mergeCell ref="G36:H36"/>
    <mergeCell ref="G35:I35"/>
    <mergeCell ref="I2:J2"/>
    <mergeCell ref="F8:G8"/>
    <mergeCell ref="F9:G9"/>
    <mergeCell ref="F11:G11"/>
    <mergeCell ref="A14:J14"/>
    <mergeCell ref="A15:J15"/>
    <mergeCell ref="F10:G10"/>
  </mergeCells>
  <phoneticPr fontId="2"/>
  <pageMargins left="0.78700000000000003" right="0.45" top="0.8" bottom="0.56000000000000005" header="0.75" footer="0.37"/>
  <pageSetup paperSize="9" scale="98"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5:M84"/>
  <sheetViews>
    <sheetView view="pageBreakPreview" topLeftCell="A10" zoomScaleNormal="100" zoomScaleSheetLayoutView="100" workbookViewId="0"/>
  </sheetViews>
  <sheetFormatPr defaultColWidth="9" defaultRowHeight="13.5" x14ac:dyDescent="0.15"/>
  <cols>
    <col min="1" max="1" width="2.375" style="3" customWidth="1"/>
    <col min="2" max="2" width="3.5" style="8" bestFit="1" customWidth="1"/>
    <col min="3" max="3" width="2.25" style="3" customWidth="1"/>
    <col min="4" max="4" width="5.5" style="3" bestFit="1" customWidth="1"/>
    <col min="5" max="5" width="16.125" style="3" bestFit="1" customWidth="1"/>
    <col min="6" max="6" width="9" style="3"/>
    <col min="7" max="7" width="10.875" style="3" customWidth="1"/>
    <col min="8" max="8" width="11.625" style="3" bestFit="1" customWidth="1"/>
    <col min="9" max="9" width="12.75" style="3" bestFit="1" customWidth="1"/>
    <col min="10" max="10" width="12.875" style="3" bestFit="1" customWidth="1"/>
    <col min="11" max="12" width="9" style="3"/>
    <col min="13" max="13" width="9.5" style="3" bestFit="1" customWidth="1"/>
    <col min="14" max="256" width="9" style="3"/>
    <col min="257" max="257" width="2.375" style="3" customWidth="1"/>
    <col min="258" max="258" width="3.5" style="3" bestFit="1" customWidth="1"/>
    <col min="259" max="259" width="2.25" style="3" customWidth="1"/>
    <col min="260" max="260" width="5.5" style="3" bestFit="1" customWidth="1"/>
    <col min="261" max="261" width="16.125" style="3" bestFit="1" customWidth="1"/>
    <col min="262" max="262" width="9" style="3"/>
    <col min="263" max="263" width="10.875" style="3" customWidth="1"/>
    <col min="264" max="264" width="11.625" style="3" bestFit="1" customWidth="1"/>
    <col min="265" max="265" width="12.75" style="3" bestFit="1" customWidth="1"/>
    <col min="266" max="266" width="12.875" style="3" bestFit="1" customWidth="1"/>
    <col min="267" max="268" width="9" style="3"/>
    <col min="269" max="269" width="9.5" style="3" bestFit="1" customWidth="1"/>
    <col min="270" max="512" width="9" style="3"/>
    <col min="513" max="513" width="2.375" style="3" customWidth="1"/>
    <col min="514" max="514" width="3.5" style="3" bestFit="1" customWidth="1"/>
    <col min="515" max="515" width="2.25" style="3" customWidth="1"/>
    <col min="516" max="516" width="5.5" style="3" bestFit="1" customWidth="1"/>
    <col min="517" max="517" width="16.125" style="3" bestFit="1" customWidth="1"/>
    <col min="518" max="518" width="9" style="3"/>
    <col min="519" max="519" width="10.875" style="3" customWidth="1"/>
    <col min="520" max="520" width="11.625" style="3" bestFit="1" customWidth="1"/>
    <col min="521" max="521" width="12.75" style="3" bestFit="1" customWidth="1"/>
    <col min="522" max="522" width="12.875" style="3" bestFit="1" customWidth="1"/>
    <col min="523" max="524" width="9" style="3"/>
    <col min="525" max="525" width="9.5" style="3" bestFit="1" customWidth="1"/>
    <col min="526" max="768" width="9" style="3"/>
    <col min="769" max="769" width="2.375" style="3" customWidth="1"/>
    <col min="770" max="770" width="3.5" style="3" bestFit="1" customWidth="1"/>
    <col min="771" max="771" width="2.25" style="3" customWidth="1"/>
    <col min="772" max="772" width="5.5" style="3" bestFit="1" customWidth="1"/>
    <col min="773" max="773" width="16.125" style="3" bestFit="1" customWidth="1"/>
    <col min="774" max="774" width="9" style="3"/>
    <col min="775" max="775" width="10.875" style="3" customWidth="1"/>
    <col min="776" max="776" width="11.625" style="3" bestFit="1" customWidth="1"/>
    <col min="777" max="777" width="12.75" style="3" bestFit="1" customWidth="1"/>
    <col min="778" max="778" width="12.875" style="3" bestFit="1" customWidth="1"/>
    <col min="779" max="780" width="9" style="3"/>
    <col min="781" max="781" width="9.5" style="3" bestFit="1" customWidth="1"/>
    <col min="782" max="1024" width="9" style="3"/>
    <col min="1025" max="1025" width="2.375" style="3" customWidth="1"/>
    <col min="1026" max="1026" width="3.5" style="3" bestFit="1" customWidth="1"/>
    <col min="1027" max="1027" width="2.25" style="3" customWidth="1"/>
    <col min="1028" max="1028" width="5.5" style="3" bestFit="1" customWidth="1"/>
    <col min="1029" max="1029" width="16.125" style="3" bestFit="1" customWidth="1"/>
    <col min="1030" max="1030" width="9" style="3"/>
    <col min="1031" max="1031" width="10.875" style="3" customWidth="1"/>
    <col min="1032" max="1032" width="11.625" style="3" bestFit="1" customWidth="1"/>
    <col min="1033" max="1033" width="12.75" style="3" bestFit="1" customWidth="1"/>
    <col min="1034" max="1034" width="12.875" style="3" bestFit="1" customWidth="1"/>
    <col min="1035" max="1036" width="9" style="3"/>
    <col min="1037" max="1037" width="9.5" style="3" bestFit="1" customWidth="1"/>
    <col min="1038" max="1280" width="9" style="3"/>
    <col min="1281" max="1281" width="2.375" style="3" customWidth="1"/>
    <col min="1282" max="1282" width="3.5" style="3" bestFit="1" customWidth="1"/>
    <col min="1283" max="1283" width="2.25" style="3" customWidth="1"/>
    <col min="1284" max="1284" width="5.5" style="3" bestFit="1" customWidth="1"/>
    <col min="1285" max="1285" width="16.125" style="3" bestFit="1" customWidth="1"/>
    <col min="1286" max="1286" width="9" style="3"/>
    <col min="1287" max="1287" width="10.875" style="3" customWidth="1"/>
    <col min="1288" max="1288" width="11.625" style="3" bestFit="1" customWidth="1"/>
    <col min="1289" max="1289" width="12.75" style="3" bestFit="1" customWidth="1"/>
    <col min="1290" max="1290" width="12.875" style="3" bestFit="1" customWidth="1"/>
    <col min="1291" max="1292" width="9" style="3"/>
    <col min="1293" max="1293" width="9.5" style="3" bestFit="1" customWidth="1"/>
    <col min="1294" max="1536" width="9" style="3"/>
    <col min="1537" max="1537" width="2.375" style="3" customWidth="1"/>
    <col min="1538" max="1538" width="3.5" style="3" bestFit="1" customWidth="1"/>
    <col min="1539" max="1539" width="2.25" style="3" customWidth="1"/>
    <col min="1540" max="1540" width="5.5" style="3" bestFit="1" customWidth="1"/>
    <col min="1541" max="1541" width="16.125" style="3" bestFit="1" customWidth="1"/>
    <col min="1542" max="1542" width="9" style="3"/>
    <col min="1543" max="1543" width="10.875" style="3" customWidth="1"/>
    <col min="1544" max="1544" width="11.625" style="3" bestFit="1" customWidth="1"/>
    <col min="1545" max="1545" width="12.75" style="3" bestFit="1" customWidth="1"/>
    <col min="1546" max="1546" width="12.875" style="3" bestFit="1" customWidth="1"/>
    <col min="1547" max="1548" width="9" style="3"/>
    <col min="1549" max="1549" width="9.5" style="3" bestFit="1" customWidth="1"/>
    <col min="1550" max="1792" width="9" style="3"/>
    <col min="1793" max="1793" width="2.375" style="3" customWidth="1"/>
    <col min="1794" max="1794" width="3.5" style="3" bestFit="1" customWidth="1"/>
    <col min="1795" max="1795" width="2.25" style="3" customWidth="1"/>
    <col min="1796" max="1796" width="5.5" style="3" bestFit="1" customWidth="1"/>
    <col min="1797" max="1797" width="16.125" style="3" bestFit="1" customWidth="1"/>
    <col min="1798" max="1798" width="9" style="3"/>
    <col min="1799" max="1799" width="10.875" style="3" customWidth="1"/>
    <col min="1800" max="1800" width="11.625" style="3" bestFit="1" customWidth="1"/>
    <col min="1801" max="1801" width="12.75" style="3" bestFit="1" customWidth="1"/>
    <col min="1802" max="1802" width="12.875" style="3" bestFit="1" customWidth="1"/>
    <col min="1803" max="1804" width="9" style="3"/>
    <col min="1805" max="1805" width="9.5" style="3" bestFit="1" customWidth="1"/>
    <col min="1806" max="2048" width="9" style="3"/>
    <col min="2049" max="2049" width="2.375" style="3" customWidth="1"/>
    <col min="2050" max="2050" width="3.5" style="3" bestFit="1" customWidth="1"/>
    <col min="2051" max="2051" width="2.25" style="3" customWidth="1"/>
    <col min="2052" max="2052" width="5.5" style="3" bestFit="1" customWidth="1"/>
    <col min="2053" max="2053" width="16.125" style="3" bestFit="1" customWidth="1"/>
    <col min="2054" max="2054" width="9" style="3"/>
    <col min="2055" max="2055" width="10.875" style="3" customWidth="1"/>
    <col min="2056" max="2056" width="11.625" style="3" bestFit="1" customWidth="1"/>
    <col min="2057" max="2057" width="12.75" style="3" bestFit="1" customWidth="1"/>
    <col min="2058" max="2058" width="12.875" style="3" bestFit="1" customWidth="1"/>
    <col min="2059" max="2060" width="9" style="3"/>
    <col min="2061" max="2061" width="9.5" style="3" bestFit="1" customWidth="1"/>
    <col min="2062" max="2304" width="9" style="3"/>
    <col min="2305" max="2305" width="2.375" style="3" customWidth="1"/>
    <col min="2306" max="2306" width="3.5" style="3" bestFit="1" customWidth="1"/>
    <col min="2307" max="2307" width="2.25" style="3" customWidth="1"/>
    <col min="2308" max="2308" width="5.5" style="3" bestFit="1" customWidth="1"/>
    <col min="2309" max="2309" width="16.125" style="3" bestFit="1" customWidth="1"/>
    <col min="2310" max="2310" width="9" style="3"/>
    <col min="2311" max="2311" width="10.875" style="3" customWidth="1"/>
    <col min="2312" max="2312" width="11.625" style="3" bestFit="1" customWidth="1"/>
    <col min="2313" max="2313" width="12.75" style="3" bestFit="1" customWidth="1"/>
    <col min="2314" max="2314" width="12.875" style="3" bestFit="1" customWidth="1"/>
    <col min="2315" max="2316" width="9" style="3"/>
    <col min="2317" max="2317" width="9.5" style="3" bestFit="1" customWidth="1"/>
    <col min="2318" max="2560" width="9" style="3"/>
    <col min="2561" max="2561" width="2.375" style="3" customWidth="1"/>
    <col min="2562" max="2562" width="3.5" style="3" bestFit="1" customWidth="1"/>
    <col min="2563" max="2563" width="2.25" style="3" customWidth="1"/>
    <col min="2564" max="2564" width="5.5" style="3" bestFit="1" customWidth="1"/>
    <col min="2565" max="2565" width="16.125" style="3" bestFit="1" customWidth="1"/>
    <col min="2566" max="2566" width="9" style="3"/>
    <col min="2567" max="2567" width="10.875" style="3" customWidth="1"/>
    <col min="2568" max="2568" width="11.625" style="3" bestFit="1" customWidth="1"/>
    <col min="2569" max="2569" width="12.75" style="3" bestFit="1" customWidth="1"/>
    <col min="2570" max="2570" width="12.875" style="3" bestFit="1" customWidth="1"/>
    <col min="2571" max="2572" width="9" style="3"/>
    <col min="2573" max="2573" width="9.5" style="3" bestFit="1" customWidth="1"/>
    <col min="2574" max="2816" width="9" style="3"/>
    <col min="2817" max="2817" width="2.375" style="3" customWidth="1"/>
    <col min="2818" max="2818" width="3.5" style="3" bestFit="1" customWidth="1"/>
    <col min="2819" max="2819" width="2.25" style="3" customWidth="1"/>
    <col min="2820" max="2820" width="5.5" style="3" bestFit="1" customWidth="1"/>
    <col min="2821" max="2821" width="16.125" style="3" bestFit="1" customWidth="1"/>
    <col min="2822" max="2822" width="9" style="3"/>
    <col min="2823" max="2823" width="10.875" style="3" customWidth="1"/>
    <col min="2824" max="2824" width="11.625" style="3" bestFit="1" customWidth="1"/>
    <col min="2825" max="2825" width="12.75" style="3" bestFit="1" customWidth="1"/>
    <col min="2826" max="2826" width="12.875" style="3" bestFit="1" customWidth="1"/>
    <col min="2827" max="2828" width="9" style="3"/>
    <col min="2829" max="2829" width="9.5" style="3" bestFit="1" customWidth="1"/>
    <col min="2830" max="3072" width="9" style="3"/>
    <col min="3073" max="3073" width="2.375" style="3" customWidth="1"/>
    <col min="3074" max="3074" width="3.5" style="3" bestFit="1" customWidth="1"/>
    <col min="3075" max="3075" width="2.25" style="3" customWidth="1"/>
    <col min="3076" max="3076" width="5.5" style="3" bestFit="1" customWidth="1"/>
    <col min="3077" max="3077" width="16.125" style="3" bestFit="1" customWidth="1"/>
    <col min="3078" max="3078" width="9" style="3"/>
    <col min="3079" max="3079" width="10.875" style="3" customWidth="1"/>
    <col min="3080" max="3080" width="11.625" style="3" bestFit="1" customWidth="1"/>
    <col min="3081" max="3081" width="12.75" style="3" bestFit="1" customWidth="1"/>
    <col min="3082" max="3082" width="12.875" style="3" bestFit="1" customWidth="1"/>
    <col min="3083" max="3084" width="9" style="3"/>
    <col min="3085" max="3085" width="9.5" style="3" bestFit="1" customWidth="1"/>
    <col min="3086" max="3328" width="9" style="3"/>
    <col min="3329" max="3329" width="2.375" style="3" customWidth="1"/>
    <col min="3330" max="3330" width="3.5" style="3" bestFit="1" customWidth="1"/>
    <col min="3331" max="3331" width="2.25" style="3" customWidth="1"/>
    <col min="3332" max="3332" width="5.5" style="3" bestFit="1" customWidth="1"/>
    <col min="3333" max="3333" width="16.125" style="3" bestFit="1" customWidth="1"/>
    <col min="3334" max="3334" width="9" style="3"/>
    <col min="3335" max="3335" width="10.875" style="3" customWidth="1"/>
    <col min="3336" max="3336" width="11.625" style="3" bestFit="1" customWidth="1"/>
    <col min="3337" max="3337" width="12.75" style="3" bestFit="1" customWidth="1"/>
    <col min="3338" max="3338" width="12.875" style="3" bestFit="1" customWidth="1"/>
    <col min="3339" max="3340" width="9" style="3"/>
    <col min="3341" max="3341" width="9.5" style="3" bestFit="1" customWidth="1"/>
    <col min="3342" max="3584" width="9" style="3"/>
    <col min="3585" max="3585" width="2.375" style="3" customWidth="1"/>
    <col min="3586" max="3586" width="3.5" style="3" bestFit="1" customWidth="1"/>
    <col min="3587" max="3587" width="2.25" style="3" customWidth="1"/>
    <col min="3588" max="3588" width="5.5" style="3" bestFit="1" customWidth="1"/>
    <col min="3589" max="3589" width="16.125" style="3" bestFit="1" customWidth="1"/>
    <col min="3590" max="3590" width="9" style="3"/>
    <col min="3591" max="3591" width="10.875" style="3" customWidth="1"/>
    <col min="3592" max="3592" width="11.625" style="3" bestFit="1" customWidth="1"/>
    <col min="3593" max="3593" width="12.75" style="3" bestFit="1" customWidth="1"/>
    <col min="3594" max="3594" width="12.875" style="3" bestFit="1" customWidth="1"/>
    <col min="3595" max="3596" width="9" style="3"/>
    <col min="3597" max="3597" width="9.5" style="3" bestFit="1" customWidth="1"/>
    <col min="3598" max="3840" width="9" style="3"/>
    <col min="3841" max="3841" width="2.375" style="3" customWidth="1"/>
    <col min="3842" max="3842" width="3.5" style="3" bestFit="1" customWidth="1"/>
    <col min="3843" max="3843" width="2.25" style="3" customWidth="1"/>
    <col min="3844" max="3844" width="5.5" style="3" bestFit="1" customWidth="1"/>
    <col min="3845" max="3845" width="16.125" style="3" bestFit="1" customWidth="1"/>
    <col min="3846" max="3846" width="9" style="3"/>
    <col min="3847" max="3847" width="10.875" style="3" customWidth="1"/>
    <col min="3848" max="3848" width="11.625" style="3" bestFit="1" customWidth="1"/>
    <col min="3849" max="3849" width="12.75" style="3" bestFit="1" customWidth="1"/>
    <col min="3850" max="3850" width="12.875" style="3" bestFit="1" customWidth="1"/>
    <col min="3851" max="3852" width="9" style="3"/>
    <col min="3853" max="3853" width="9.5" style="3" bestFit="1" customWidth="1"/>
    <col min="3854" max="4096" width="9" style="3"/>
    <col min="4097" max="4097" width="2.375" style="3" customWidth="1"/>
    <col min="4098" max="4098" width="3.5" style="3" bestFit="1" customWidth="1"/>
    <col min="4099" max="4099" width="2.25" style="3" customWidth="1"/>
    <col min="4100" max="4100" width="5.5" style="3" bestFit="1" customWidth="1"/>
    <col min="4101" max="4101" width="16.125" style="3" bestFit="1" customWidth="1"/>
    <col min="4102" max="4102" width="9" style="3"/>
    <col min="4103" max="4103" width="10.875" style="3" customWidth="1"/>
    <col min="4104" max="4104" width="11.625" style="3" bestFit="1" customWidth="1"/>
    <col min="4105" max="4105" width="12.75" style="3" bestFit="1" customWidth="1"/>
    <col min="4106" max="4106" width="12.875" style="3" bestFit="1" customWidth="1"/>
    <col min="4107" max="4108" width="9" style="3"/>
    <col min="4109" max="4109" width="9.5" style="3" bestFit="1" customWidth="1"/>
    <col min="4110" max="4352" width="9" style="3"/>
    <col min="4353" max="4353" width="2.375" style="3" customWidth="1"/>
    <col min="4354" max="4354" width="3.5" style="3" bestFit="1" customWidth="1"/>
    <col min="4355" max="4355" width="2.25" style="3" customWidth="1"/>
    <col min="4356" max="4356" width="5.5" style="3" bestFit="1" customWidth="1"/>
    <col min="4357" max="4357" width="16.125" style="3" bestFit="1" customWidth="1"/>
    <col min="4358" max="4358" width="9" style="3"/>
    <col min="4359" max="4359" width="10.875" style="3" customWidth="1"/>
    <col min="4360" max="4360" width="11.625" style="3" bestFit="1" customWidth="1"/>
    <col min="4361" max="4361" width="12.75" style="3" bestFit="1" customWidth="1"/>
    <col min="4362" max="4362" width="12.875" style="3" bestFit="1" customWidth="1"/>
    <col min="4363" max="4364" width="9" style="3"/>
    <col min="4365" max="4365" width="9.5" style="3" bestFit="1" customWidth="1"/>
    <col min="4366" max="4608" width="9" style="3"/>
    <col min="4609" max="4609" width="2.375" style="3" customWidth="1"/>
    <col min="4610" max="4610" width="3.5" style="3" bestFit="1" customWidth="1"/>
    <col min="4611" max="4611" width="2.25" style="3" customWidth="1"/>
    <col min="4612" max="4612" width="5.5" style="3" bestFit="1" customWidth="1"/>
    <col min="4613" max="4613" width="16.125" style="3" bestFit="1" customWidth="1"/>
    <col min="4614" max="4614" width="9" style="3"/>
    <col min="4615" max="4615" width="10.875" style="3" customWidth="1"/>
    <col min="4616" max="4616" width="11.625" style="3" bestFit="1" customWidth="1"/>
    <col min="4617" max="4617" width="12.75" style="3" bestFit="1" customWidth="1"/>
    <col min="4618" max="4618" width="12.875" style="3" bestFit="1" customWidth="1"/>
    <col min="4619" max="4620" width="9" style="3"/>
    <col min="4621" max="4621" width="9.5" style="3" bestFit="1" customWidth="1"/>
    <col min="4622" max="4864" width="9" style="3"/>
    <col min="4865" max="4865" width="2.375" style="3" customWidth="1"/>
    <col min="4866" max="4866" width="3.5" style="3" bestFit="1" customWidth="1"/>
    <col min="4867" max="4867" width="2.25" style="3" customWidth="1"/>
    <col min="4868" max="4868" width="5.5" style="3" bestFit="1" customWidth="1"/>
    <col min="4869" max="4869" width="16.125" style="3" bestFit="1" customWidth="1"/>
    <col min="4870" max="4870" width="9" style="3"/>
    <col min="4871" max="4871" width="10.875" style="3" customWidth="1"/>
    <col min="4872" max="4872" width="11.625" style="3" bestFit="1" customWidth="1"/>
    <col min="4873" max="4873" width="12.75" style="3" bestFit="1" customWidth="1"/>
    <col min="4874" max="4874" width="12.875" style="3" bestFit="1" customWidth="1"/>
    <col min="4875" max="4876" width="9" style="3"/>
    <col min="4877" max="4877" width="9.5" style="3" bestFit="1" customWidth="1"/>
    <col min="4878" max="5120" width="9" style="3"/>
    <col min="5121" max="5121" width="2.375" style="3" customWidth="1"/>
    <col min="5122" max="5122" width="3.5" style="3" bestFit="1" customWidth="1"/>
    <col min="5123" max="5123" width="2.25" style="3" customWidth="1"/>
    <col min="5124" max="5124" width="5.5" style="3" bestFit="1" customWidth="1"/>
    <col min="5125" max="5125" width="16.125" style="3" bestFit="1" customWidth="1"/>
    <col min="5126" max="5126" width="9" style="3"/>
    <col min="5127" max="5127" width="10.875" style="3" customWidth="1"/>
    <col min="5128" max="5128" width="11.625" style="3" bestFit="1" customWidth="1"/>
    <col min="5129" max="5129" width="12.75" style="3" bestFit="1" customWidth="1"/>
    <col min="5130" max="5130" width="12.875" style="3" bestFit="1" customWidth="1"/>
    <col min="5131" max="5132" width="9" style="3"/>
    <col min="5133" max="5133" width="9.5" style="3" bestFit="1" customWidth="1"/>
    <col min="5134" max="5376" width="9" style="3"/>
    <col min="5377" max="5377" width="2.375" style="3" customWidth="1"/>
    <col min="5378" max="5378" width="3.5" style="3" bestFit="1" customWidth="1"/>
    <col min="5379" max="5379" width="2.25" style="3" customWidth="1"/>
    <col min="5380" max="5380" width="5.5" style="3" bestFit="1" customWidth="1"/>
    <col min="5381" max="5381" width="16.125" style="3" bestFit="1" customWidth="1"/>
    <col min="5382" max="5382" width="9" style="3"/>
    <col min="5383" max="5383" width="10.875" style="3" customWidth="1"/>
    <col min="5384" max="5384" width="11.625" style="3" bestFit="1" customWidth="1"/>
    <col min="5385" max="5385" width="12.75" style="3" bestFit="1" customWidth="1"/>
    <col min="5386" max="5386" width="12.875" style="3" bestFit="1" customWidth="1"/>
    <col min="5387" max="5388" width="9" style="3"/>
    <col min="5389" max="5389" width="9.5" style="3" bestFit="1" customWidth="1"/>
    <col min="5390" max="5632" width="9" style="3"/>
    <col min="5633" max="5633" width="2.375" style="3" customWidth="1"/>
    <col min="5634" max="5634" width="3.5" style="3" bestFit="1" customWidth="1"/>
    <col min="5635" max="5635" width="2.25" style="3" customWidth="1"/>
    <col min="5636" max="5636" width="5.5" style="3" bestFit="1" customWidth="1"/>
    <col min="5637" max="5637" width="16.125" style="3" bestFit="1" customWidth="1"/>
    <col min="5638" max="5638" width="9" style="3"/>
    <col min="5639" max="5639" width="10.875" style="3" customWidth="1"/>
    <col min="5640" max="5640" width="11.625" style="3" bestFit="1" customWidth="1"/>
    <col min="5641" max="5641" width="12.75" style="3" bestFit="1" customWidth="1"/>
    <col min="5642" max="5642" width="12.875" style="3" bestFit="1" customWidth="1"/>
    <col min="5643" max="5644" width="9" style="3"/>
    <col min="5645" max="5645" width="9.5" style="3" bestFit="1" customWidth="1"/>
    <col min="5646" max="5888" width="9" style="3"/>
    <col min="5889" max="5889" width="2.375" style="3" customWidth="1"/>
    <col min="5890" max="5890" width="3.5" style="3" bestFit="1" customWidth="1"/>
    <col min="5891" max="5891" width="2.25" style="3" customWidth="1"/>
    <col min="5892" max="5892" width="5.5" style="3" bestFit="1" customWidth="1"/>
    <col min="5893" max="5893" width="16.125" style="3" bestFit="1" customWidth="1"/>
    <col min="5894" max="5894" width="9" style="3"/>
    <col min="5895" max="5895" width="10.875" style="3" customWidth="1"/>
    <col min="5896" max="5896" width="11.625" style="3" bestFit="1" customWidth="1"/>
    <col min="5897" max="5897" width="12.75" style="3" bestFit="1" customWidth="1"/>
    <col min="5898" max="5898" width="12.875" style="3" bestFit="1" customWidth="1"/>
    <col min="5899" max="5900" width="9" style="3"/>
    <col min="5901" max="5901" width="9.5" style="3" bestFit="1" customWidth="1"/>
    <col min="5902" max="6144" width="9" style="3"/>
    <col min="6145" max="6145" width="2.375" style="3" customWidth="1"/>
    <col min="6146" max="6146" width="3.5" style="3" bestFit="1" customWidth="1"/>
    <col min="6147" max="6147" width="2.25" style="3" customWidth="1"/>
    <col min="6148" max="6148" width="5.5" style="3" bestFit="1" customWidth="1"/>
    <col min="6149" max="6149" width="16.125" style="3" bestFit="1" customWidth="1"/>
    <col min="6150" max="6150" width="9" style="3"/>
    <col min="6151" max="6151" width="10.875" style="3" customWidth="1"/>
    <col min="6152" max="6152" width="11.625" style="3" bestFit="1" customWidth="1"/>
    <col min="6153" max="6153" width="12.75" style="3" bestFit="1" customWidth="1"/>
    <col min="6154" max="6154" width="12.875" style="3" bestFit="1" customWidth="1"/>
    <col min="6155" max="6156" width="9" style="3"/>
    <col min="6157" max="6157" width="9.5" style="3" bestFit="1" customWidth="1"/>
    <col min="6158" max="6400" width="9" style="3"/>
    <col min="6401" max="6401" width="2.375" style="3" customWidth="1"/>
    <col min="6402" max="6402" width="3.5" style="3" bestFit="1" customWidth="1"/>
    <col min="6403" max="6403" width="2.25" style="3" customWidth="1"/>
    <col min="6404" max="6404" width="5.5" style="3" bestFit="1" customWidth="1"/>
    <col min="6405" max="6405" width="16.125" style="3" bestFit="1" customWidth="1"/>
    <col min="6406" max="6406" width="9" style="3"/>
    <col min="6407" max="6407" width="10.875" style="3" customWidth="1"/>
    <col min="6408" max="6408" width="11.625" style="3" bestFit="1" customWidth="1"/>
    <col min="6409" max="6409" width="12.75" style="3" bestFit="1" customWidth="1"/>
    <col min="6410" max="6410" width="12.875" style="3" bestFit="1" customWidth="1"/>
    <col min="6411" max="6412" width="9" style="3"/>
    <col min="6413" max="6413" width="9.5" style="3" bestFit="1" customWidth="1"/>
    <col min="6414" max="6656" width="9" style="3"/>
    <col min="6657" max="6657" width="2.375" style="3" customWidth="1"/>
    <col min="6658" max="6658" width="3.5" style="3" bestFit="1" customWidth="1"/>
    <col min="6659" max="6659" width="2.25" style="3" customWidth="1"/>
    <col min="6660" max="6660" width="5.5" style="3" bestFit="1" customWidth="1"/>
    <col min="6661" max="6661" width="16.125" style="3" bestFit="1" customWidth="1"/>
    <col min="6662" max="6662" width="9" style="3"/>
    <col min="6663" max="6663" width="10.875" style="3" customWidth="1"/>
    <col min="6664" max="6664" width="11.625" style="3" bestFit="1" customWidth="1"/>
    <col min="6665" max="6665" width="12.75" style="3" bestFit="1" customWidth="1"/>
    <col min="6666" max="6666" width="12.875" style="3" bestFit="1" customWidth="1"/>
    <col min="6667" max="6668" width="9" style="3"/>
    <col min="6669" max="6669" width="9.5" style="3" bestFit="1" customWidth="1"/>
    <col min="6670" max="6912" width="9" style="3"/>
    <col min="6913" max="6913" width="2.375" style="3" customWidth="1"/>
    <col min="6914" max="6914" width="3.5" style="3" bestFit="1" customWidth="1"/>
    <col min="6915" max="6915" width="2.25" style="3" customWidth="1"/>
    <col min="6916" max="6916" width="5.5" style="3" bestFit="1" customWidth="1"/>
    <col min="6917" max="6917" width="16.125" style="3" bestFit="1" customWidth="1"/>
    <col min="6918" max="6918" width="9" style="3"/>
    <col min="6919" max="6919" width="10.875" style="3" customWidth="1"/>
    <col min="6920" max="6920" width="11.625" style="3" bestFit="1" customWidth="1"/>
    <col min="6921" max="6921" width="12.75" style="3" bestFit="1" customWidth="1"/>
    <col min="6922" max="6922" width="12.875" style="3" bestFit="1" customWidth="1"/>
    <col min="6923" max="6924" width="9" style="3"/>
    <col min="6925" max="6925" width="9.5" style="3" bestFit="1" customWidth="1"/>
    <col min="6926" max="7168" width="9" style="3"/>
    <col min="7169" max="7169" width="2.375" style="3" customWidth="1"/>
    <col min="7170" max="7170" width="3.5" style="3" bestFit="1" customWidth="1"/>
    <col min="7171" max="7171" width="2.25" style="3" customWidth="1"/>
    <col min="7172" max="7172" width="5.5" style="3" bestFit="1" customWidth="1"/>
    <col min="7173" max="7173" width="16.125" style="3" bestFit="1" customWidth="1"/>
    <col min="7174" max="7174" width="9" style="3"/>
    <col min="7175" max="7175" width="10.875" style="3" customWidth="1"/>
    <col min="7176" max="7176" width="11.625" style="3" bestFit="1" customWidth="1"/>
    <col min="7177" max="7177" width="12.75" style="3" bestFit="1" customWidth="1"/>
    <col min="7178" max="7178" width="12.875" style="3" bestFit="1" customWidth="1"/>
    <col min="7179" max="7180" width="9" style="3"/>
    <col min="7181" max="7181" width="9.5" style="3" bestFit="1" customWidth="1"/>
    <col min="7182" max="7424" width="9" style="3"/>
    <col min="7425" max="7425" width="2.375" style="3" customWidth="1"/>
    <col min="7426" max="7426" width="3.5" style="3" bestFit="1" customWidth="1"/>
    <col min="7427" max="7427" width="2.25" style="3" customWidth="1"/>
    <col min="7428" max="7428" width="5.5" style="3" bestFit="1" customWidth="1"/>
    <col min="7429" max="7429" width="16.125" style="3" bestFit="1" customWidth="1"/>
    <col min="7430" max="7430" width="9" style="3"/>
    <col min="7431" max="7431" width="10.875" style="3" customWidth="1"/>
    <col min="7432" max="7432" width="11.625" style="3" bestFit="1" customWidth="1"/>
    <col min="7433" max="7433" width="12.75" style="3" bestFit="1" customWidth="1"/>
    <col min="7434" max="7434" width="12.875" style="3" bestFit="1" customWidth="1"/>
    <col min="7435" max="7436" width="9" style="3"/>
    <col min="7437" max="7437" width="9.5" style="3" bestFit="1" customWidth="1"/>
    <col min="7438" max="7680" width="9" style="3"/>
    <col min="7681" max="7681" width="2.375" style="3" customWidth="1"/>
    <col min="7682" max="7682" width="3.5" style="3" bestFit="1" customWidth="1"/>
    <col min="7683" max="7683" width="2.25" style="3" customWidth="1"/>
    <col min="7684" max="7684" width="5.5" style="3" bestFit="1" customWidth="1"/>
    <col min="7685" max="7685" width="16.125" style="3" bestFit="1" customWidth="1"/>
    <col min="7686" max="7686" width="9" style="3"/>
    <col min="7687" max="7687" width="10.875" style="3" customWidth="1"/>
    <col min="7688" max="7688" width="11.625" style="3" bestFit="1" customWidth="1"/>
    <col min="7689" max="7689" width="12.75" style="3" bestFit="1" customWidth="1"/>
    <col min="7690" max="7690" width="12.875" style="3" bestFit="1" customWidth="1"/>
    <col min="7691" max="7692" width="9" style="3"/>
    <col min="7693" max="7693" width="9.5" style="3" bestFit="1" customWidth="1"/>
    <col min="7694" max="7936" width="9" style="3"/>
    <col min="7937" max="7937" width="2.375" style="3" customWidth="1"/>
    <col min="7938" max="7938" width="3.5" style="3" bestFit="1" customWidth="1"/>
    <col min="7939" max="7939" width="2.25" style="3" customWidth="1"/>
    <col min="7940" max="7940" width="5.5" style="3" bestFit="1" customWidth="1"/>
    <col min="7941" max="7941" width="16.125" style="3" bestFit="1" customWidth="1"/>
    <col min="7942" max="7942" width="9" style="3"/>
    <col min="7943" max="7943" width="10.875" style="3" customWidth="1"/>
    <col min="7944" max="7944" width="11.625" style="3" bestFit="1" customWidth="1"/>
    <col min="7945" max="7945" width="12.75" style="3" bestFit="1" customWidth="1"/>
    <col min="7946" max="7946" width="12.875" style="3" bestFit="1" customWidth="1"/>
    <col min="7947" max="7948" width="9" style="3"/>
    <col min="7949" max="7949" width="9.5" style="3" bestFit="1" customWidth="1"/>
    <col min="7950" max="8192" width="9" style="3"/>
    <col min="8193" max="8193" width="2.375" style="3" customWidth="1"/>
    <col min="8194" max="8194" width="3.5" style="3" bestFit="1" customWidth="1"/>
    <col min="8195" max="8195" width="2.25" style="3" customWidth="1"/>
    <col min="8196" max="8196" width="5.5" style="3" bestFit="1" customWidth="1"/>
    <col min="8197" max="8197" width="16.125" style="3" bestFit="1" customWidth="1"/>
    <col min="8198" max="8198" width="9" style="3"/>
    <col min="8199" max="8199" width="10.875" style="3" customWidth="1"/>
    <col min="8200" max="8200" width="11.625" style="3" bestFit="1" customWidth="1"/>
    <col min="8201" max="8201" width="12.75" style="3" bestFit="1" customWidth="1"/>
    <col min="8202" max="8202" width="12.875" style="3" bestFit="1" customWidth="1"/>
    <col min="8203" max="8204" width="9" style="3"/>
    <col min="8205" max="8205" width="9.5" style="3" bestFit="1" customWidth="1"/>
    <col min="8206" max="8448" width="9" style="3"/>
    <col min="8449" max="8449" width="2.375" style="3" customWidth="1"/>
    <col min="8450" max="8450" width="3.5" style="3" bestFit="1" customWidth="1"/>
    <col min="8451" max="8451" width="2.25" style="3" customWidth="1"/>
    <col min="8452" max="8452" width="5.5" style="3" bestFit="1" customWidth="1"/>
    <col min="8453" max="8453" width="16.125" style="3" bestFit="1" customWidth="1"/>
    <col min="8454" max="8454" width="9" style="3"/>
    <col min="8455" max="8455" width="10.875" style="3" customWidth="1"/>
    <col min="8456" max="8456" width="11.625" style="3" bestFit="1" customWidth="1"/>
    <col min="8457" max="8457" width="12.75" style="3" bestFit="1" customWidth="1"/>
    <col min="8458" max="8458" width="12.875" style="3" bestFit="1" customWidth="1"/>
    <col min="8459" max="8460" width="9" style="3"/>
    <col min="8461" max="8461" width="9.5" style="3" bestFit="1" customWidth="1"/>
    <col min="8462" max="8704" width="9" style="3"/>
    <col min="8705" max="8705" width="2.375" style="3" customWidth="1"/>
    <col min="8706" max="8706" width="3.5" style="3" bestFit="1" customWidth="1"/>
    <col min="8707" max="8707" width="2.25" style="3" customWidth="1"/>
    <col min="8708" max="8708" width="5.5" style="3" bestFit="1" customWidth="1"/>
    <col min="8709" max="8709" width="16.125" style="3" bestFit="1" customWidth="1"/>
    <col min="8710" max="8710" width="9" style="3"/>
    <col min="8711" max="8711" width="10.875" style="3" customWidth="1"/>
    <col min="8712" max="8712" width="11.625" style="3" bestFit="1" customWidth="1"/>
    <col min="8713" max="8713" width="12.75" style="3" bestFit="1" customWidth="1"/>
    <col min="8714" max="8714" width="12.875" style="3" bestFit="1" customWidth="1"/>
    <col min="8715" max="8716" width="9" style="3"/>
    <col min="8717" max="8717" width="9.5" style="3" bestFit="1" customWidth="1"/>
    <col min="8718" max="8960" width="9" style="3"/>
    <col min="8961" max="8961" width="2.375" style="3" customWidth="1"/>
    <col min="8962" max="8962" width="3.5" style="3" bestFit="1" customWidth="1"/>
    <col min="8963" max="8963" width="2.25" style="3" customWidth="1"/>
    <col min="8964" max="8964" width="5.5" style="3" bestFit="1" customWidth="1"/>
    <col min="8965" max="8965" width="16.125" style="3" bestFit="1" customWidth="1"/>
    <col min="8966" max="8966" width="9" style="3"/>
    <col min="8967" max="8967" width="10.875" style="3" customWidth="1"/>
    <col min="8968" max="8968" width="11.625" style="3" bestFit="1" customWidth="1"/>
    <col min="8969" max="8969" width="12.75" style="3" bestFit="1" customWidth="1"/>
    <col min="8970" max="8970" width="12.875" style="3" bestFit="1" customWidth="1"/>
    <col min="8971" max="8972" width="9" style="3"/>
    <col min="8973" max="8973" width="9.5" style="3" bestFit="1" customWidth="1"/>
    <col min="8974" max="9216" width="9" style="3"/>
    <col min="9217" max="9217" width="2.375" style="3" customWidth="1"/>
    <col min="9218" max="9218" width="3.5" style="3" bestFit="1" customWidth="1"/>
    <col min="9219" max="9219" width="2.25" style="3" customWidth="1"/>
    <col min="9220" max="9220" width="5.5" style="3" bestFit="1" customWidth="1"/>
    <col min="9221" max="9221" width="16.125" style="3" bestFit="1" customWidth="1"/>
    <col min="9222" max="9222" width="9" style="3"/>
    <col min="9223" max="9223" width="10.875" style="3" customWidth="1"/>
    <col min="9224" max="9224" width="11.625" style="3" bestFit="1" customWidth="1"/>
    <col min="9225" max="9225" width="12.75" style="3" bestFit="1" customWidth="1"/>
    <col min="9226" max="9226" width="12.875" style="3" bestFit="1" customWidth="1"/>
    <col min="9227" max="9228" width="9" style="3"/>
    <col min="9229" max="9229" width="9.5" style="3" bestFit="1" customWidth="1"/>
    <col min="9230" max="9472" width="9" style="3"/>
    <col min="9473" max="9473" width="2.375" style="3" customWidth="1"/>
    <col min="9474" max="9474" width="3.5" style="3" bestFit="1" customWidth="1"/>
    <col min="9475" max="9475" width="2.25" style="3" customWidth="1"/>
    <col min="9476" max="9476" width="5.5" style="3" bestFit="1" customWidth="1"/>
    <col min="9477" max="9477" width="16.125" style="3" bestFit="1" customWidth="1"/>
    <col min="9478" max="9478" width="9" style="3"/>
    <col min="9479" max="9479" width="10.875" style="3" customWidth="1"/>
    <col min="9480" max="9480" width="11.625" style="3" bestFit="1" customWidth="1"/>
    <col min="9481" max="9481" width="12.75" style="3" bestFit="1" customWidth="1"/>
    <col min="9482" max="9482" width="12.875" style="3" bestFit="1" customWidth="1"/>
    <col min="9483" max="9484" width="9" style="3"/>
    <col min="9485" max="9485" width="9.5" style="3" bestFit="1" customWidth="1"/>
    <col min="9486" max="9728" width="9" style="3"/>
    <col min="9729" max="9729" width="2.375" style="3" customWidth="1"/>
    <col min="9730" max="9730" width="3.5" style="3" bestFit="1" customWidth="1"/>
    <col min="9731" max="9731" width="2.25" style="3" customWidth="1"/>
    <col min="9732" max="9732" width="5.5" style="3" bestFit="1" customWidth="1"/>
    <col min="9733" max="9733" width="16.125" style="3" bestFit="1" customWidth="1"/>
    <col min="9734" max="9734" width="9" style="3"/>
    <col min="9735" max="9735" width="10.875" style="3" customWidth="1"/>
    <col min="9736" max="9736" width="11.625" style="3" bestFit="1" customWidth="1"/>
    <col min="9737" max="9737" width="12.75" style="3" bestFit="1" customWidth="1"/>
    <col min="9738" max="9738" width="12.875" style="3" bestFit="1" customWidth="1"/>
    <col min="9739" max="9740" width="9" style="3"/>
    <col min="9741" max="9741" width="9.5" style="3" bestFit="1" customWidth="1"/>
    <col min="9742" max="9984" width="9" style="3"/>
    <col min="9985" max="9985" width="2.375" style="3" customWidth="1"/>
    <col min="9986" max="9986" width="3.5" style="3" bestFit="1" customWidth="1"/>
    <col min="9987" max="9987" width="2.25" style="3" customWidth="1"/>
    <col min="9988" max="9988" width="5.5" style="3" bestFit="1" customWidth="1"/>
    <col min="9989" max="9989" width="16.125" style="3" bestFit="1" customWidth="1"/>
    <col min="9990" max="9990" width="9" style="3"/>
    <col min="9991" max="9991" width="10.875" style="3" customWidth="1"/>
    <col min="9992" max="9992" width="11.625" style="3" bestFit="1" customWidth="1"/>
    <col min="9993" max="9993" width="12.75" style="3" bestFit="1" customWidth="1"/>
    <col min="9994" max="9994" width="12.875" style="3" bestFit="1" customWidth="1"/>
    <col min="9995" max="9996" width="9" style="3"/>
    <col min="9997" max="9997" width="9.5" style="3" bestFit="1" customWidth="1"/>
    <col min="9998" max="10240" width="9" style="3"/>
    <col min="10241" max="10241" width="2.375" style="3" customWidth="1"/>
    <col min="10242" max="10242" width="3.5" style="3" bestFit="1" customWidth="1"/>
    <col min="10243" max="10243" width="2.25" style="3" customWidth="1"/>
    <col min="10244" max="10244" width="5.5" style="3" bestFit="1" customWidth="1"/>
    <col min="10245" max="10245" width="16.125" style="3" bestFit="1" customWidth="1"/>
    <col min="10246" max="10246" width="9" style="3"/>
    <col min="10247" max="10247" width="10.875" style="3" customWidth="1"/>
    <col min="10248" max="10248" width="11.625" style="3" bestFit="1" customWidth="1"/>
    <col min="10249" max="10249" width="12.75" style="3" bestFit="1" customWidth="1"/>
    <col min="10250" max="10250" width="12.875" style="3" bestFit="1" customWidth="1"/>
    <col min="10251" max="10252" width="9" style="3"/>
    <col min="10253" max="10253" width="9.5" style="3" bestFit="1" customWidth="1"/>
    <col min="10254" max="10496" width="9" style="3"/>
    <col min="10497" max="10497" width="2.375" style="3" customWidth="1"/>
    <col min="10498" max="10498" width="3.5" style="3" bestFit="1" customWidth="1"/>
    <col min="10499" max="10499" width="2.25" style="3" customWidth="1"/>
    <col min="10500" max="10500" width="5.5" style="3" bestFit="1" customWidth="1"/>
    <col min="10501" max="10501" width="16.125" style="3" bestFit="1" customWidth="1"/>
    <col min="10502" max="10502" width="9" style="3"/>
    <col min="10503" max="10503" width="10.875" style="3" customWidth="1"/>
    <col min="10504" max="10504" width="11.625" style="3" bestFit="1" customWidth="1"/>
    <col min="10505" max="10505" width="12.75" style="3" bestFit="1" customWidth="1"/>
    <col min="10506" max="10506" width="12.875" style="3" bestFit="1" customWidth="1"/>
    <col min="10507" max="10508" width="9" style="3"/>
    <col min="10509" max="10509" width="9.5" style="3" bestFit="1" customWidth="1"/>
    <col min="10510" max="10752" width="9" style="3"/>
    <col min="10753" max="10753" width="2.375" style="3" customWidth="1"/>
    <col min="10754" max="10754" width="3.5" style="3" bestFit="1" customWidth="1"/>
    <col min="10755" max="10755" width="2.25" style="3" customWidth="1"/>
    <col min="10756" max="10756" width="5.5" style="3" bestFit="1" customWidth="1"/>
    <col min="10757" max="10757" width="16.125" style="3" bestFit="1" customWidth="1"/>
    <col min="10758" max="10758" width="9" style="3"/>
    <col min="10759" max="10759" width="10.875" style="3" customWidth="1"/>
    <col min="10760" max="10760" width="11.625" style="3" bestFit="1" customWidth="1"/>
    <col min="10761" max="10761" width="12.75" style="3" bestFit="1" customWidth="1"/>
    <col min="10762" max="10762" width="12.875" style="3" bestFit="1" customWidth="1"/>
    <col min="10763" max="10764" width="9" style="3"/>
    <col min="10765" max="10765" width="9.5" style="3" bestFit="1" customWidth="1"/>
    <col min="10766" max="11008" width="9" style="3"/>
    <col min="11009" max="11009" width="2.375" style="3" customWidth="1"/>
    <col min="11010" max="11010" width="3.5" style="3" bestFit="1" customWidth="1"/>
    <col min="11011" max="11011" width="2.25" style="3" customWidth="1"/>
    <col min="11012" max="11012" width="5.5" style="3" bestFit="1" customWidth="1"/>
    <col min="11013" max="11013" width="16.125" style="3" bestFit="1" customWidth="1"/>
    <col min="11014" max="11014" width="9" style="3"/>
    <col min="11015" max="11015" width="10.875" style="3" customWidth="1"/>
    <col min="11016" max="11016" width="11.625" style="3" bestFit="1" customWidth="1"/>
    <col min="11017" max="11017" width="12.75" style="3" bestFit="1" customWidth="1"/>
    <col min="11018" max="11018" width="12.875" style="3" bestFit="1" customWidth="1"/>
    <col min="11019" max="11020" width="9" style="3"/>
    <col min="11021" max="11021" width="9.5" style="3" bestFit="1" customWidth="1"/>
    <col min="11022" max="11264" width="9" style="3"/>
    <col min="11265" max="11265" width="2.375" style="3" customWidth="1"/>
    <col min="11266" max="11266" width="3.5" style="3" bestFit="1" customWidth="1"/>
    <col min="11267" max="11267" width="2.25" style="3" customWidth="1"/>
    <col min="11268" max="11268" width="5.5" style="3" bestFit="1" customWidth="1"/>
    <col min="11269" max="11269" width="16.125" style="3" bestFit="1" customWidth="1"/>
    <col min="11270" max="11270" width="9" style="3"/>
    <col min="11271" max="11271" width="10.875" style="3" customWidth="1"/>
    <col min="11272" max="11272" width="11.625" style="3" bestFit="1" customWidth="1"/>
    <col min="11273" max="11273" width="12.75" style="3" bestFit="1" customWidth="1"/>
    <col min="11274" max="11274" width="12.875" style="3" bestFit="1" customWidth="1"/>
    <col min="11275" max="11276" width="9" style="3"/>
    <col min="11277" max="11277" width="9.5" style="3" bestFit="1" customWidth="1"/>
    <col min="11278" max="11520" width="9" style="3"/>
    <col min="11521" max="11521" width="2.375" style="3" customWidth="1"/>
    <col min="11522" max="11522" width="3.5" style="3" bestFit="1" customWidth="1"/>
    <col min="11523" max="11523" width="2.25" style="3" customWidth="1"/>
    <col min="11524" max="11524" width="5.5" style="3" bestFit="1" customWidth="1"/>
    <col min="11525" max="11525" width="16.125" style="3" bestFit="1" customWidth="1"/>
    <col min="11526" max="11526" width="9" style="3"/>
    <col min="11527" max="11527" width="10.875" style="3" customWidth="1"/>
    <col min="11528" max="11528" width="11.625" style="3" bestFit="1" customWidth="1"/>
    <col min="11529" max="11529" width="12.75" style="3" bestFit="1" customWidth="1"/>
    <col min="11530" max="11530" width="12.875" style="3" bestFit="1" customWidth="1"/>
    <col min="11531" max="11532" width="9" style="3"/>
    <col min="11533" max="11533" width="9.5" style="3" bestFit="1" customWidth="1"/>
    <col min="11534" max="11776" width="9" style="3"/>
    <col min="11777" max="11777" width="2.375" style="3" customWidth="1"/>
    <col min="11778" max="11778" width="3.5" style="3" bestFit="1" customWidth="1"/>
    <col min="11779" max="11779" width="2.25" style="3" customWidth="1"/>
    <col min="11780" max="11780" width="5.5" style="3" bestFit="1" customWidth="1"/>
    <col min="11781" max="11781" width="16.125" style="3" bestFit="1" customWidth="1"/>
    <col min="11782" max="11782" width="9" style="3"/>
    <col min="11783" max="11783" width="10.875" style="3" customWidth="1"/>
    <col min="11784" max="11784" width="11.625" style="3" bestFit="1" customWidth="1"/>
    <col min="11785" max="11785" width="12.75" style="3" bestFit="1" customWidth="1"/>
    <col min="11786" max="11786" width="12.875" style="3" bestFit="1" customWidth="1"/>
    <col min="11787" max="11788" width="9" style="3"/>
    <col min="11789" max="11789" width="9.5" style="3" bestFit="1" customWidth="1"/>
    <col min="11790" max="12032" width="9" style="3"/>
    <col min="12033" max="12033" width="2.375" style="3" customWidth="1"/>
    <col min="12034" max="12034" width="3.5" style="3" bestFit="1" customWidth="1"/>
    <col min="12035" max="12035" width="2.25" style="3" customWidth="1"/>
    <col min="12036" max="12036" width="5.5" style="3" bestFit="1" customWidth="1"/>
    <col min="12037" max="12037" width="16.125" style="3" bestFit="1" customWidth="1"/>
    <col min="12038" max="12038" width="9" style="3"/>
    <col min="12039" max="12039" width="10.875" style="3" customWidth="1"/>
    <col min="12040" max="12040" width="11.625" style="3" bestFit="1" customWidth="1"/>
    <col min="12041" max="12041" width="12.75" style="3" bestFit="1" customWidth="1"/>
    <col min="12042" max="12042" width="12.875" style="3" bestFit="1" customWidth="1"/>
    <col min="12043" max="12044" width="9" style="3"/>
    <col min="12045" max="12045" width="9.5" style="3" bestFit="1" customWidth="1"/>
    <col min="12046" max="12288" width="9" style="3"/>
    <col min="12289" max="12289" width="2.375" style="3" customWidth="1"/>
    <col min="12290" max="12290" width="3.5" style="3" bestFit="1" customWidth="1"/>
    <col min="12291" max="12291" width="2.25" style="3" customWidth="1"/>
    <col min="12292" max="12292" width="5.5" style="3" bestFit="1" customWidth="1"/>
    <col min="12293" max="12293" width="16.125" style="3" bestFit="1" customWidth="1"/>
    <col min="12294" max="12294" width="9" style="3"/>
    <col min="12295" max="12295" width="10.875" style="3" customWidth="1"/>
    <col min="12296" max="12296" width="11.625" style="3" bestFit="1" customWidth="1"/>
    <col min="12297" max="12297" width="12.75" style="3" bestFit="1" customWidth="1"/>
    <col min="12298" max="12298" width="12.875" style="3" bestFit="1" customWidth="1"/>
    <col min="12299" max="12300" width="9" style="3"/>
    <col min="12301" max="12301" width="9.5" style="3" bestFit="1" customWidth="1"/>
    <col min="12302" max="12544" width="9" style="3"/>
    <col min="12545" max="12545" width="2.375" style="3" customWidth="1"/>
    <col min="12546" max="12546" width="3.5" style="3" bestFit="1" customWidth="1"/>
    <col min="12547" max="12547" width="2.25" style="3" customWidth="1"/>
    <col min="12548" max="12548" width="5.5" style="3" bestFit="1" customWidth="1"/>
    <col min="12549" max="12549" width="16.125" style="3" bestFit="1" customWidth="1"/>
    <col min="12550" max="12550" width="9" style="3"/>
    <col min="12551" max="12551" width="10.875" style="3" customWidth="1"/>
    <col min="12552" max="12552" width="11.625" style="3" bestFit="1" customWidth="1"/>
    <col min="12553" max="12553" width="12.75" style="3" bestFit="1" customWidth="1"/>
    <col min="12554" max="12554" width="12.875" style="3" bestFit="1" customWidth="1"/>
    <col min="12555" max="12556" width="9" style="3"/>
    <col min="12557" max="12557" width="9.5" style="3" bestFit="1" customWidth="1"/>
    <col min="12558" max="12800" width="9" style="3"/>
    <col min="12801" max="12801" width="2.375" style="3" customWidth="1"/>
    <col min="12802" max="12802" width="3.5" style="3" bestFit="1" customWidth="1"/>
    <col min="12803" max="12803" width="2.25" style="3" customWidth="1"/>
    <col min="12804" max="12804" width="5.5" style="3" bestFit="1" customWidth="1"/>
    <col min="12805" max="12805" width="16.125" style="3" bestFit="1" customWidth="1"/>
    <col min="12806" max="12806" width="9" style="3"/>
    <col min="12807" max="12807" width="10.875" style="3" customWidth="1"/>
    <col min="12808" max="12808" width="11.625" style="3" bestFit="1" customWidth="1"/>
    <col min="12809" max="12809" width="12.75" style="3" bestFit="1" customWidth="1"/>
    <col min="12810" max="12810" width="12.875" style="3" bestFit="1" customWidth="1"/>
    <col min="12811" max="12812" width="9" style="3"/>
    <col min="12813" max="12813" width="9.5" style="3" bestFit="1" customWidth="1"/>
    <col min="12814" max="13056" width="9" style="3"/>
    <col min="13057" max="13057" width="2.375" style="3" customWidth="1"/>
    <col min="13058" max="13058" width="3.5" style="3" bestFit="1" customWidth="1"/>
    <col min="13059" max="13059" width="2.25" style="3" customWidth="1"/>
    <col min="13060" max="13060" width="5.5" style="3" bestFit="1" customWidth="1"/>
    <col min="13061" max="13061" width="16.125" style="3" bestFit="1" customWidth="1"/>
    <col min="13062" max="13062" width="9" style="3"/>
    <col min="13063" max="13063" width="10.875" style="3" customWidth="1"/>
    <col min="13064" max="13064" width="11.625" style="3" bestFit="1" customWidth="1"/>
    <col min="13065" max="13065" width="12.75" style="3" bestFit="1" customWidth="1"/>
    <col min="13066" max="13066" width="12.875" style="3" bestFit="1" customWidth="1"/>
    <col min="13067" max="13068" width="9" style="3"/>
    <col min="13069" max="13069" width="9.5" style="3" bestFit="1" customWidth="1"/>
    <col min="13070" max="13312" width="9" style="3"/>
    <col min="13313" max="13313" width="2.375" style="3" customWidth="1"/>
    <col min="13314" max="13314" width="3.5" style="3" bestFit="1" customWidth="1"/>
    <col min="13315" max="13315" width="2.25" style="3" customWidth="1"/>
    <col min="13316" max="13316" width="5.5" style="3" bestFit="1" customWidth="1"/>
    <col min="13317" max="13317" width="16.125" style="3" bestFit="1" customWidth="1"/>
    <col min="13318" max="13318" width="9" style="3"/>
    <col min="13319" max="13319" width="10.875" style="3" customWidth="1"/>
    <col min="13320" max="13320" width="11.625" style="3" bestFit="1" customWidth="1"/>
    <col min="13321" max="13321" width="12.75" style="3" bestFit="1" customWidth="1"/>
    <col min="13322" max="13322" width="12.875" style="3" bestFit="1" customWidth="1"/>
    <col min="13323" max="13324" width="9" style="3"/>
    <col min="13325" max="13325" width="9.5" style="3" bestFit="1" customWidth="1"/>
    <col min="13326" max="13568" width="9" style="3"/>
    <col min="13569" max="13569" width="2.375" style="3" customWidth="1"/>
    <col min="13570" max="13570" width="3.5" style="3" bestFit="1" customWidth="1"/>
    <col min="13571" max="13571" width="2.25" style="3" customWidth="1"/>
    <col min="13572" max="13572" width="5.5" style="3" bestFit="1" customWidth="1"/>
    <col min="13573" max="13573" width="16.125" style="3" bestFit="1" customWidth="1"/>
    <col min="13574" max="13574" width="9" style="3"/>
    <col min="13575" max="13575" width="10.875" style="3" customWidth="1"/>
    <col min="13576" max="13576" width="11.625" style="3" bestFit="1" customWidth="1"/>
    <col min="13577" max="13577" width="12.75" style="3" bestFit="1" customWidth="1"/>
    <col min="13578" max="13578" width="12.875" style="3" bestFit="1" customWidth="1"/>
    <col min="13579" max="13580" width="9" style="3"/>
    <col min="13581" max="13581" width="9.5" style="3" bestFit="1" customWidth="1"/>
    <col min="13582" max="13824" width="9" style="3"/>
    <col min="13825" max="13825" width="2.375" style="3" customWidth="1"/>
    <col min="13826" max="13826" width="3.5" style="3" bestFit="1" customWidth="1"/>
    <col min="13827" max="13827" width="2.25" style="3" customWidth="1"/>
    <col min="13828" max="13828" width="5.5" style="3" bestFit="1" customWidth="1"/>
    <col min="13829" max="13829" width="16.125" style="3" bestFit="1" customWidth="1"/>
    <col min="13830" max="13830" width="9" style="3"/>
    <col min="13831" max="13831" width="10.875" style="3" customWidth="1"/>
    <col min="13832" max="13832" width="11.625" style="3" bestFit="1" customWidth="1"/>
    <col min="13833" max="13833" width="12.75" style="3" bestFit="1" customWidth="1"/>
    <col min="13834" max="13834" width="12.875" style="3" bestFit="1" customWidth="1"/>
    <col min="13835" max="13836" width="9" style="3"/>
    <col min="13837" max="13837" width="9.5" style="3" bestFit="1" customWidth="1"/>
    <col min="13838" max="14080" width="9" style="3"/>
    <col min="14081" max="14081" width="2.375" style="3" customWidth="1"/>
    <col min="14082" max="14082" width="3.5" style="3" bestFit="1" customWidth="1"/>
    <col min="14083" max="14083" width="2.25" style="3" customWidth="1"/>
    <col min="14084" max="14084" width="5.5" style="3" bestFit="1" customWidth="1"/>
    <col min="14085" max="14085" width="16.125" style="3" bestFit="1" customWidth="1"/>
    <col min="14086" max="14086" width="9" style="3"/>
    <col min="14087" max="14087" width="10.875" style="3" customWidth="1"/>
    <col min="14088" max="14088" width="11.625" style="3" bestFit="1" customWidth="1"/>
    <col min="14089" max="14089" width="12.75" style="3" bestFit="1" customWidth="1"/>
    <col min="14090" max="14090" width="12.875" style="3" bestFit="1" customWidth="1"/>
    <col min="14091" max="14092" width="9" style="3"/>
    <col min="14093" max="14093" width="9.5" style="3" bestFit="1" customWidth="1"/>
    <col min="14094" max="14336" width="9" style="3"/>
    <col min="14337" max="14337" width="2.375" style="3" customWidth="1"/>
    <col min="14338" max="14338" width="3.5" style="3" bestFit="1" customWidth="1"/>
    <col min="14339" max="14339" width="2.25" style="3" customWidth="1"/>
    <col min="14340" max="14340" width="5.5" style="3" bestFit="1" customWidth="1"/>
    <col min="14341" max="14341" width="16.125" style="3" bestFit="1" customWidth="1"/>
    <col min="14342" max="14342" width="9" style="3"/>
    <col min="14343" max="14343" width="10.875" style="3" customWidth="1"/>
    <col min="14344" max="14344" width="11.625" style="3" bestFit="1" customWidth="1"/>
    <col min="14345" max="14345" width="12.75" style="3" bestFit="1" customWidth="1"/>
    <col min="14346" max="14346" width="12.875" style="3" bestFit="1" customWidth="1"/>
    <col min="14347" max="14348" width="9" style="3"/>
    <col min="14349" max="14349" width="9.5" style="3" bestFit="1" customWidth="1"/>
    <col min="14350" max="14592" width="9" style="3"/>
    <col min="14593" max="14593" width="2.375" style="3" customWidth="1"/>
    <col min="14594" max="14594" width="3.5" style="3" bestFit="1" customWidth="1"/>
    <col min="14595" max="14595" width="2.25" style="3" customWidth="1"/>
    <col min="14596" max="14596" width="5.5" style="3" bestFit="1" customWidth="1"/>
    <col min="14597" max="14597" width="16.125" style="3" bestFit="1" customWidth="1"/>
    <col min="14598" max="14598" width="9" style="3"/>
    <col min="14599" max="14599" width="10.875" style="3" customWidth="1"/>
    <col min="14600" max="14600" width="11.625" style="3" bestFit="1" customWidth="1"/>
    <col min="14601" max="14601" width="12.75" style="3" bestFit="1" customWidth="1"/>
    <col min="14602" max="14602" width="12.875" style="3" bestFit="1" customWidth="1"/>
    <col min="14603" max="14604" width="9" style="3"/>
    <col min="14605" max="14605" width="9.5" style="3" bestFit="1" customWidth="1"/>
    <col min="14606" max="14848" width="9" style="3"/>
    <col min="14849" max="14849" width="2.375" style="3" customWidth="1"/>
    <col min="14850" max="14850" width="3.5" style="3" bestFit="1" customWidth="1"/>
    <col min="14851" max="14851" width="2.25" style="3" customWidth="1"/>
    <col min="14852" max="14852" width="5.5" style="3" bestFit="1" customWidth="1"/>
    <col min="14853" max="14853" width="16.125" style="3" bestFit="1" customWidth="1"/>
    <col min="14854" max="14854" width="9" style="3"/>
    <col min="14855" max="14855" width="10.875" style="3" customWidth="1"/>
    <col min="14856" max="14856" width="11.625" style="3" bestFit="1" customWidth="1"/>
    <col min="14857" max="14857" width="12.75" style="3" bestFit="1" customWidth="1"/>
    <col min="14858" max="14858" width="12.875" style="3" bestFit="1" customWidth="1"/>
    <col min="14859" max="14860" width="9" style="3"/>
    <col min="14861" max="14861" width="9.5" style="3" bestFit="1" customWidth="1"/>
    <col min="14862" max="15104" width="9" style="3"/>
    <col min="15105" max="15105" width="2.375" style="3" customWidth="1"/>
    <col min="15106" max="15106" width="3.5" style="3" bestFit="1" customWidth="1"/>
    <col min="15107" max="15107" width="2.25" style="3" customWidth="1"/>
    <col min="15108" max="15108" width="5.5" style="3" bestFit="1" customWidth="1"/>
    <col min="15109" max="15109" width="16.125" style="3" bestFit="1" customWidth="1"/>
    <col min="15110" max="15110" width="9" style="3"/>
    <col min="15111" max="15111" width="10.875" style="3" customWidth="1"/>
    <col min="15112" max="15112" width="11.625" style="3" bestFit="1" customWidth="1"/>
    <col min="15113" max="15113" width="12.75" style="3" bestFit="1" customWidth="1"/>
    <col min="15114" max="15114" width="12.875" style="3" bestFit="1" customWidth="1"/>
    <col min="15115" max="15116" width="9" style="3"/>
    <col min="15117" max="15117" width="9.5" style="3" bestFit="1" customWidth="1"/>
    <col min="15118" max="15360" width="9" style="3"/>
    <col min="15361" max="15361" width="2.375" style="3" customWidth="1"/>
    <col min="15362" max="15362" width="3.5" style="3" bestFit="1" customWidth="1"/>
    <col min="15363" max="15363" width="2.25" style="3" customWidth="1"/>
    <col min="15364" max="15364" width="5.5" style="3" bestFit="1" customWidth="1"/>
    <col min="15365" max="15365" width="16.125" style="3" bestFit="1" customWidth="1"/>
    <col min="15366" max="15366" width="9" style="3"/>
    <col min="15367" max="15367" width="10.875" style="3" customWidth="1"/>
    <col min="15368" max="15368" width="11.625" style="3" bestFit="1" customWidth="1"/>
    <col min="15369" max="15369" width="12.75" style="3" bestFit="1" customWidth="1"/>
    <col min="15370" max="15370" width="12.875" style="3" bestFit="1" customWidth="1"/>
    <col min="15371" max="15372" width="9" style="3"/>
    <col min="15373" max="15373" width="9.5" style="3" bestFit="1" customWidth="1"/>
    <col min="15374" max="15616" width="9" style="3"/>
    <col min="15617" max="15617" width="2.375" style="3" customWidth="1"/>
    <col min="15618" max="15618" width="3.5" style="3" bestFit="1" customWidth="1"/>
    <col min="15619" max="15619" width="2.25" style="3" customWidth="1"/>
    <col min="15620" max="15620" width="5.5" style="3" bestFit="1" customWidth="1"/>
    <col min="15621" max="15621" width="16.125" style="3" bestFit="1" customWidth="1"/>
    <col min="15622" max="15622" width="9" style="3"/>
    <col min="15623" max="15623" width="10.875" style="3" customWidth="1"/>
    <col min="15624" max="15624" width="11.625" style="3" bestFit="1" customWidth="1"/>
    <col min="15625" max="15625" width="12.75" style="3" bestFit="1" customWidth="1"/>
    <col min="15626" max="15626" width="12.875" style="3" bestFit="1" customWidth="1"/>
    <col min="15627" max="15628" width="9" style="3"/>
    <col min="15629" max="15629" width="9.5" style="3" bestFit="1" customWidth="1"/>
    <col min="15630" max="15872" width="9" style="3"/>
    <col min="15873" max="15873" width="2.375" style="3" customWidth="1"/>
    <col min="15874" max="15874" width="3.5" style="3" bestFit="1" customWidth="1"/>
    <col min="15875" max="15875" width="2.25" style="3" customWidth="1"/>
    <col min="15876" max="15876" width="5.5" style="3" bestFit="1" customWidth="1"/>
    <col min="15877" max="15877" width="16.125" style="3" bestFit="1" customWidth="1"/>
    <col min="15878" max="15878" width="9" style="3"/>
    <col min="15879" max="15879" width="10.875" style="3" customWidth="1"/>
    <col min="15880" max="15880" width="11.625" style="3" bestFit="1" customWidth="1"/>
    <col min="15881" max="15881" width="12.75" style="3" bestFit="1" customWidth="1"/>
    <col min="15882" max="15882" width="12.875" style="3" bestFit="1" customWidth="1"/>
    <col min="15883" max="15884" width="9" style="3"/>
    <col min="15885" max="15885" width="9.5" style="3" bestFit="1" customWidth="1"/>
    <col min="15886" max="16128" width="9" style="3"/>
    <col min="16129" max="16129" width="2.375" style="3" customWidth="1"/>
    <col min="16130" max="16130" width="3.5" style="3" bestFit="1" customWidth="1"/>
    <col min="16131" max="16131" width="2.25" style="3" customWidth="1"/>
    <col min="16132" max="16132" width="5.5" style="3" bestFit="1" customWidth="1"/>
    <col min="16133" max="16133" width="16.125" style="3" bestFit="1" customWidth="1"/>
    <col min="16134" max="16134" width="9" style="3"/>
    <col min="16135" max="16135" width="10.875" style="3" customWidth="1"/>
    <col min="16136" max="16136" width="11.625" style="3" bestFit="1" customWidth="1"/>
    <col min="16137" max="16137" width="12.75" style="3" bestFit="1" customWidth="1"/>
    <col min="16138" max="16138" width="12.875" style="3" bestFit="1" customWidth="1"/>
    <col min="16139" max="16140" width="9" style="3"/>
    <col min="16141" max="16141" width="9.5" style="3" bestFit="1" customWidth="1"/>
    <col min="16142" max="16384" width="9" style="3"/>
  </cols>
  <sheetData>
    <row r="5" spans="1:10" ht="18" customHeight="1" x14ac:dyDescent="0.15">
      <c r="A5" t="s">
        <v>43</v>
      </c>
      <c r="I5" s="20"/>
      <c r="J5" s="62"/>
    </row>
    <row r="8" spans="1:10" ht="18" customHeight="1" x14ac:dyDescent="0.15">
      <c r="B8" s="8">
        <v>1</v>
      </c>
      <c r="C8" s="3" t="s">
        <v>44</v>
      </c>
    </row>
    <row r="9" spans="1:10" ht="18" customHeight="1" x14ac:dyDescent="0.15"/>
    <row r="11" spans="1:10" ht="18" customHeight="1" x14ac:dyDescent="0.15">
      <c r="B11" s="8">
        <v>2</v>
      </c>
      <c r="C11" s="3" t="s">
        <v>45</v>
      </c>
    </row>
    <row r="12" spans="1:10" ht="18" customHeight="1" x14ac:dyDescent="0.15"/>
    <row r="14" spans="1:10" ht="18" customHeight="1" x14ac:dyDescent="0.15">
      <c r="B14" s="8">
        <v>3</v>
      </c>
      <c r="C14" s="3" t="s">
        <v>46</v>
      </c>
    </row>
    <row r="15" spans="1:10" ht="18" customHeight="1" x14ac:dyDescent="0.15"/>
    <row r="17" spans="2:10" ht="18" customHeight="1" x14ac:dyDescent="0.15">
      <c r="B17" s="8">
        <v>4</v>
      </c>
      <c r="C17" s="3" t="s">
        <v>4</v>
      </c>
    </row>
    <row r="18" spans="2:10" ht="18" customHeight="1" x14ac:dyDescent="0.15">
      <c r="D18" s="3" t="s">
        <v>47</v>
      </c>
    </row>
    <row r="20" spans="2:10" ht="18" customHeight="1" x14ac:dyDescent="0.15">
      <c r="B20" s="8">
        <v>5</v>
      </c>
      <c r="C20" t="s">
        <v>33</v>
      </c>
    </row>
    <row r="21" spans="2:10" ht="18" customHeight="1" x14ac:dyDescent="0.15">
      <c r="D21" s="22"/>
      <c r="E21" s="22"/>
      <c r="F21" s="22"/>
    </row>
    <row r="23" spans="2:10" ht="18" customHeight="1" x14ac:dyDescent="0.15">
      <c r="B23" s="8">
        <v>6</v>
      </c>
      <c r="C23" s="3" t="s">
        <v>5</v>
      </c>
    </row>
    <row r="24" spans="2:10" ht="18" customHeight="1" x14ac:dyDescent="0.15">
      <c r="C24" s="3" t="s">
        <v>34</v>
      </c>
    </row>
    <row r="25" spans="2:10" x14ac:dyDescent="0.15">
      <c r="D25" s="23"/>
      <c r="E25" s="24"/>
      <c r="F25" s="25"/>
      <c r="G25" s="26"/>
      <c r="H25" s="27" t="s">
        <v>6</v>
      </c>
      <c r="I25" s="26"/>
      <c r="J25" s="28"/>
    </row>
    <row r="26" spans="2:10" x14ac:dyDescent="0.15">
      <c r="D26" s="29"/>
      <c r="E26" s="30"/>
      <c r="F26" s="21"/>
      <c r="G26" s="21" t="s">
        <v>7</v>
      </c>
      <c r="H26" s="21"/>
      <c r="I26" s="31"/>
      <c r="J26" s="31"/>
    </row>
    <row r="27" spans="2:10" x14ac:dyDescent="0.15">
      <c r="D27" s="29"/>
      <c r="E27" s="30"/>
      <c r="F27" s="32" t="s">
        <v>8</v>
      </c>
      <c r="G27" s="33" t="s">
        <v>9</v>
      </c>
      <c r="H27" s="34" t="s">
        <v>10</v>
      </c>
      <c r="I27" s="2" t="s">
        <v>48</v>
      </c>
      <c r="J27" s="31" t="s">
        <v>11</v>
      </c>
    </row>
    <row r="28" spans="2:10" x14ac:dyDescent="0.15">
      <c r="D28" s="35"/>
      <c r="E28" s="36"/>
      <c r="F28" s="21" t="s">
        <v>12</v>
      </c>
      <c r="G28" s="37" t="s">
        <v>12</v>
      </c>
      <c r="H28" s="38" t="s">
        <v>12</v>
      </c>
      <c r="I28" s="39"/>
      <c r="J28" s="39"/>
    </row>
    <row r="29" spans="2:10" x14ac:dyDescent="0.15">
      <c r="D29" s="90" t="s">
        <v>49</v>
      </c>
      <c r="E29" s="40"/>
      <c r="F29" s="41"/>
      <c r="G29" s="42"/>
      <c r="H29" s="43"/>
      <c r="I29" s="44"/>
      <c r="J29" s="45" t="str">
        <f t="shared" ref="J29:J35" si="0">IF(SUM(F29:I29)=0,"",SUM(F29:I29))</f>
        <v/>
      </c>
    </row>
    <row r="30" spans="2:10" x14ac:dyDescent="0.15">
      <c r="D30" s="91"/>
      <c r="E30" s="46"/>
      <c r="F30" s="47"/>
      <c r="G30" s="48"/>
      <c r="H30" s="49"/>
      <c r="I30" s="50"/>
      <c r="J30" s="51" t="str">
        <f t="shared" si="0"/>
        <v/>
      </c>
    </row>
    <row r="31" spans="2:10" x14ac:dyDescent="0.15">
      <c r="D31" s="91"/>
      <c r="E31" s="46"/>
      <c r="F31" s="47"/>
      <c r="G31" s="48"/>
      <c r="H31" s="49"/>
      <c r="I31" s="50"/>
      <c r="J31" s="51" t="str">
        <f t="shared" si="0"/>
        <v/>
      </c>
    </row>
    <row r="32" spans="2:10" x14ac:dyDescent="0.15">
      <c r="D32" s="91"/>
      <c r="E32" s="46"/>
      <c r="F32" s="47"/>
      <c r="G32" s="48"/>
      <c r="H32" s="49"/>
      <c r="I32" s="50"/>
      <c r="J32" s="51" t="str">
        <f t="shared" si="0"/>
        <v/>
      </c>
    </row>
    <row r="33" spans="3:13" ht="14.25" customHeight="1" x14ac:dyDescent="0.15">
      <c r="D33" s="91"/>
      <c r="E33" s="46"/>
      <c r="F33" s="47"/>
      <c r="G33" s="48"/>
      <c r="H33" s="49"/>
      <c r="I33" s="50"/>
      <c r="J33" s="51" t="str">
        <f t="shared" si="0"/>
        <v/>
      </c>
    </row>
    <row r="34" spans="3:13" x14ac:dyDescent="0.15">
      <c r="D34" s="91"/>
      <c r="E34" s="46"/>
      <c r="F34" s="47"/>
      <c r="G34" s="48"/>
      <c r="H34" s="49"/>
      <c r="I34" s="50"/>
      <c r="J34" s="51" t="str">
        <f t="shared" si="0"/>
        <v/>
      </c>
    </row>
    <row r="35" spans="3:13" x14ac:dyDescent="0.15">
      <c r="D35" s="92"/>
      <c r="E35" s="52"/>
      <c r="F35" s="53"/>
      <c r="G35" s="54"/>
      <c r="H35" s="55"/>
      <c r="I35" s="56"/>
      <c r="J35" s="57" t="str">
        <f t="shared" si="0"/>
        <v/>
      </c>
    </row>
    <row r="36" spans="3:13" ht="18" customHeight="1" x14ac:dyDescent="0.15">
      <c r="D36" s="93" t="s">
        <v>11</v>
      </c>
      <c r="E36" s="94"/>
      <c r="F36" s="58" t="str">
        <f>IF(SUM(F29:F35)=0,"",SUM(F29:F35))</f>
        <v/>
      </c>
      <c r="G36" s="59"/>
      <c r="H36" s="60" t="str">
        <f>IF(SUM(H29:H35)=0,"",SUM(H29:H35))</f>
        <v/>
      </c>
      <c r="I36" s="61" t="str">
        <f>IF(SUM(I29:I35)=0,"",SUM(I29:I35))</f>
        <v/>
      </c>
      <c r="J36" s="61" t="str">
        <f>IF(SUM(J29:J35)=0,"",SUM(J29:J35))</f>
        <v/>
      </c>
    </row>
    <row r="37" spans="3:13" x14ac:dyDescent="0.15">
      <c r="C37" s="62"/>
      <c r="D37" s="63"/>
    </row>
    <row r="39" spans="3:13" ht="18" customHeight="1" x14ac:dyDescent="0.15">
      <c r="C39" s="3" t="s">
        <v>13</v>
      </c>
    </row>
    <row r="40" spans="3:13" ht="18" customHeight="1" x14ac:dyDescent="0.15">
      <c r="E40" s="64"/>
      <c r="F40" s="65"/>
      <c r="G40" s="65"/>
    </row>
    <row r="42" spans="3:13" ht="18" customHeight="1" x14ac:dyDescent="0.15">
      <c r="C42" s="3" t="s">
        <v>50</v>
      </c>
    </row>
    <row r="43" spans="3:13" ht="18" customHeight="1" x14ac:dyDescent="0.15">
      <c r="E43" s="66"/>
      <c r="M43" s="67"/>
    </row>
    <row r="44" spans="3:13" ht="18" customHeight="1" x14ac:dyDescent="0.15">
      <c r="D44" s="68"/>
      <c r="E44" s="66"/>
    </row>
    <row r="45" spans="3:13" ht="18" customHeight="1" x14ac:dyDescent="0.15"/>
    <row r="46" spans="3:13" ht="18" customHeight="1" x14ac:dyDescent="0.15"/>
    <row r="47" spans="3:13" ht="18" customHeight="1" x14ac:dyDescent="0.15"/>
    <row r="48" spans="3:13"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row r="70" ht="18" customHeight="1" x14ac:dyDescent="0.15"/>
    <row r="71" ht="18" customHeight="1" x14ac:dyDescent="0.15"/>
    <row r="72" ht="18" customHeight="1" x14ac:dyDescent="0.15"/>
    <row r="73" ht="18" customHeight="1" x14ac:dyDescent="0.15"/>
    <row r="74" ht="18" customHeight="1" x14ac:dyDescent="0.15"/>
    <row r="75" ht="18" customHeight="1" x14ac:dyDescent="0.15"/>
    <row r="76" ht="18" customHeight="1" x14ac:dyDescent="0.15"/>
    <row r="77" ht="18" customHeight="1" x14ac:dyDescent="0.15"/>
    <row r="78" ht="18" customHeight="1" x14ac:dyDescent="0.15"/>
    <row r="79" ht="18" customHeight="1" x14ac:dyDescent="0.15"/>
    <row r="80" ht="18" customHeight="1" x14ac:dyDescent="0.15"/>
    <row r="81" ht="18" customHeight="1" x14ac:dyDescent="0.15"/>
    <row r="82" ht="18" customHeight="1" x14ac:dyDescent="0.15"/>
    <row r="83" ht="18" customHeight="1" x14ac:dyDescent="0.15"/>
    <row r="84" ht="18" customHeight="1" x14ac:dyDescent="0.15"/>
  </sheetData>
  <mergeCells count="2">
    <mergeCell ref="D29:D35"/>
    <mergeCell ref="D36:E36"/>
  </mergeCells>
  <phoneticPr fontId="2"/>
  <conditionalFormatting sqref="D18">
    <cfRule type="cellIs" dxfId="5" priority="1" stopIfTrue="1" operator="equal">
      <formula>""</formula>
    </cfRule>
  </conditionalFormatting>
  <printOptions horizontalCentered="1"/>
  <pageMargins left="0.35433070866141736" right="0.39370078740157483" top="0.19685039370078741" bottom="0.55118110236220474" header="0.74803149606299213" footer="0.35433070866141736"/>
  <pageSetup paperSize="9"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5:L87"/>
  <sheetViews>
    <sheetView view="pageBreakPreview" topLeftCell="A19" zoomScaleNormal="100" zoomScaleSheetLayoutView="100" workbookViewId="0"/>
  </sheetViews>
  <sheetFormatPr defaultColWidth="9" defaultRowHeight="13.5" x14ac:dyDescent="0.15"/>
  <cols>
    <col min="1" max="1" width="2.375" style="3" customWidth="1"/>
    <col min="2" max="2" width="3.5" style="8" bestFit="1" customWidth="1"/>
    <col min="3" max="3" width="2.25" style="3" customWidth="1"/>
    <col min="4" max="4" width="5.5" style="3" bestFit="1" customWidth="1"/>
    <col min="5" max="5" width="16.125" style="3" bestFit="1" customWidth="1"/>
    <col min="6" max="6" width="9" style="3"/>
    <col min="7" max="7" width="10.875" style="3" customWidth="1"/>
    <col min="8" max="10" width="14.25" style="3" bestFit="1" customWidth="1"/>
    <col min="11" max="256" width="9" style="3"/>
    <col min="257" max="257" width="2.375" style="3" customWidth="1"/>
    <col min="258" max="258" width="3.5" style="3" bestFit="1" customWidth="1"/>
    <col min="259" max="259" width="2.25" style="3" customWidth="1"/>
    <col min="260" max="260" width="5.5" style="3" bestFit="1" customWidth="1"/>
    <col min="261" max="261" width="16.125" style="3" bestFit="1" customWidth="1"/>
    <col min="262" max="262" width="9" style="3"/>
    <col min="263" max="263" width="10.875" style="3" customWidth="1"/>
    <col min="264" max="266" width="14.25" style="3" bestFit="1" customWidth="1"/>
    <col min="267" max="512" width="9" style="3"/>
    <col min="513" max="513" width="2.375" style="3" customWidth="1"/>
    <col min="514" max="514" width="3.5" style="3" bestFit="1" customWidth="1"/>
    <col min="515" max="515" width="2.25" style="3" customWidth="1"/>
    <col min="516" max="516" width="5.5" style="3" bestFit="1" customWidth="1"/>
    <col min="517" max="517" width="16.125" style="3" bestFit="1" customWidth="1"/>
    <col min="518" max="518" width="9" style="3"/>
    <col min="519" max="519" width="10.875" style="3" customWidth="1"/>
    <col min="520" max="522" width="14.25" style="3" bestFit="1" customWidth="1"/>
    <col min="523" max="768" width="9" style="3"/>
    <col min="769" max="769" width="2.375" style="3" customWidth="1"/>
    <col min="770" max="770" width="3.5" style="3" bestFit="1" customWidth="1"/>
    <col min="771" max="771" width="2.25" style="3" customWidth="1"/>
    <col min="772" max="772" width="5.5" style="3" bestFit="1" customWidth="1"/>
    <col min="773" max="773" width="16.125" style="3" bestFit="1" customWidth="1"/>
    <col min="774" max="774" width="9" style="3"/>
    <col min="775" max="775" width="10.875" style="3" customWidth="1"/>
    <col min="776" max="778" width="14.25" style="3" bestFit="1" customWidth="1"/>
    <col min="779" max="1024" width="9" style="3"/>
    <col min="1025" max="1025" width="2.375" style="3" customWidth="1"/>
    <col min="1026" max="1026" width="3.5" style="3" bestFit="1" customWidth="1"/>
    <col min="1027" max="1027" width="2.25" style="3" customWidth="1"/>
    <col min="1028" max="1028" width="5.5" style="3" bestFit="1" customWidth="1"/>
    <col min="1029" max="1029" width="16.125" style="3" bestFit="1" customWidth="1"/>
    <col min="1030" max="1030" width="9" style="3"/>
    <col min="1031" max="1031" width="10.875" style="3" customWidth="1"/>
    <col min="1032" max="1034" width="14.25" style="3" bestFit="1" customWidth="1"/>
    <col min="1035" max="1280" width="9" style="3"/>
    <col min="1281" max="1281" width="2.375" style="3" customWidth="1"/>
    <col min="1282" max="1282" width="3.5" style="3" bestFit="1" customWidth="1"/>
    <col min="1283" max="1283" width="2.25" style="3" customWidth="1"/>
    <col min="1284" max="1284" width="5.5" style="3" bestFit="1" customWidth="1"/>
    <col min="1285" max="1285" width="16.125" style="3" bestFit="1" customWidth="1"/>
    <col min="1286" max="1286" width="9" style="3"/>
    <col min="1287" max="1287" width="10.875" style="3" customWidth="1"/>
    <col min="1288" max="1290" width="14.25" style="3" bestFit="1" customWidth="1"/>
    <col min="1291" max="1536" width="9" style="3"/>
    <col min="1537" max="1537" width="2.375" style="3" customWidth="1"/>
    <col min="1538" max="1538" width="3.5" style="3" bestFit="1" customWidth="1"/>
    <col min="1539" max="1539" width="2.25" style="3" customWidth="1"/>
    <col min="1540" max="1540" width="5.5" style="3" bestFit="1" customWidth="1"/>
    <col min="1541" max="1541" width="16.125" style="3" bestFit="1" customWidth="1"/>
    <col min="1542" max="1542" width="9" style="3"/>
    <col min="1543" max="1543" width="10.875" style="3" customWidth="1"/>
    <col min="1544" max="1546" width="14.25" style="3" bestFit="1" customWidth="1"/>
    <col min="1547" max="1792" width="9" style="3"/>
    <col min="1793" max="1793" width="2.375" style="3" customWidth="1"/>
    <col min="1794" max="1794" width="3.5" style="3" bestFit="1" customWidth="1"/>
    <col min="1795" max="1795" width="2.25" style="3" customWidth="1"/>
    <col min="1796" max="1796" width="5.5" style="3" bestFit="1" customWidth="1"/>
    <col min="1797" max="1797" width="16.125" style="3" bestFit="1" customWidth="1"/>
    <col min="1798" max="1798" width="9" style="3"/>
    <col min="1799" max="1799" width="10.875" style="3" customWidth="1"/>
    <col min="1800" max="1802" width="14.25" style="3" bestFit="1" customWidth="1"/>
    <col min="1803" max="2048" width="9" style="3"/>
    <col min="2049" max="2049" width="2.375" style="3" customWidth="1"/>
    <col min="2050" max="2050" width="3.5" style="3" bestFit="1" customWidth="1"/>
    <col min="2051" max="2051" width="2.25" style="3" customWidth="1"/>
    <col min="2052" max="2052" width="5.5" style="3" bestFit="1" customWidth="1"/>
    <col min="2053" max="2053" width="16.125" style="3" bestFit="1" customWidth="1"/>
    <col min="2054" max="2054" width="9" style="3"/>
    <col min="2055" max="2055" width="10.875" style="3" customWidth="1"/>
    <col min="2056" max="2058" width="14.25" style="3" bestFit="1" customWidth="1"/>
    <col min="2059" max="2304" width="9" style="3"/>
    <col min="2305" max="2305" width="2.375" style="3" customWidth="1"/>
    <col min="2306" max="2306" width="3.5" style="3" bestFit="1" customWidth="1"/>
    <col min="2307" max="2307" width="2.25" style="3" customWidth="1"/>
    <col min="2308" max="2308" width="5.5" style="3" bestFit="1" customWidth="1"/>
    <col min="2309" max="2309" width="16.125" style="3" bestFit="1" customWidth="1"/>
    <col min="2310" max="2310" width="9" style="3"/>
    <col min="2311" max="2311" width="10.875" style="3" customWidth="1"/>
    <col min="2312" max="2314" width="14.25" style="3" bestFit="1" customWidth="1"/>
    <col min="2315" max="2560" width="9" style="3"/>
    <col min="2561" max="2561" width="2.375" style="3" customWidth="1"/>
    <col min="2562" max="2562" width="3.5" style="3" bestFit="1" customWidth="1"/>
    <col min="2563" max="2563" width="2.25" style="3" customWidth="1"/>
    <col min="2564" max="2564" width="5.5" style="3" bestFit="1" customWidth="1"/>
    <col min="2565" max="2565" width="16.125" style="3" bestFit="1" customWidth="1"/>
    <col min="2566" max="2566" width="9" style="3"/>
    <col min="2567" max="2567" width="10.875" style="3" customWidth="1"/>
    <col min="2568" max="2570" width="14.25" style="3" bestFit="1" customWidth="1"/>
    <col min="2571" max="2816" width="9" style="3"/>
    <col min="2817" max="2817" width="2.375" style="3" customWidth="1"/>
    <col min="2818" max="2818" width="3.5" style="3" bestFit="1" customWidth="1"/>
    <col min="2819" max="2819" width="2.25" style="3" customWidth="1"/>
    <col min="2820" max="2820" width="5.5" style="3" bestFit="1" customWidth="1"/>
    <col min="2821" max="2821" width="16.125" style="3" bestFit="1" customWidth="1"/>
    <col min="2822" max="2822" width="9" style="3"/>
    <col min="2823" max="2823" width="10.875" style="3" customWidth="1"/>
    <col min="2824" max="2826" width="14.25" style="3" bestFit="1" customWidth="1"/>
    <col min="2827" max="3072" width="9" style="3"/>
    <col min="3073" max="3073" width="2.375" style="3" customWidth="1"/>
    <col min="3074" max="3074" width="3.5" style="3" bestFit="1" customWidth="1"/>
    <col min="3075" max="3075" width="2.25" style="3" customWidth="1"/>
    <col min="3076" max="3076" width="5.5" style="3" bestFit="1" customWidth="1"/>
    <col min="3077" max="3077" width="16.125" style="3" bestFit="1" customWidth="1"/>
    <col min="3078" max="3078" width="9" style="3"/>
    <col min="3079" max="3079" width="10.875" style="3" customWidth="1"/>
    <col min="3080" max="3082" width="14.25" style="3" bestFit="1" customWidth="1"/>
    <col min="3083" max="3328" width="9" style="3"/>
    <col min="3329" max="3329" width="2.375" style="3" customWidth="1"/>
    <col min="3330" max="3330" width="3.5" style="3" bestFit="1" customWidth="1"/>
    <col min="3331" max="3331" width="2.25" style="3" customWidth="1"/>
    <col min="3332" max="3332" width="5.5" style="3" bestFit="1" customWidth="1"/>
    <col min="3333" max="3333" width="16.125" style="3" bestFit="1" customWidth="1"/>
    <col min="3334" max="3334" width="9" style="3"/>
    <col min="3335" max="3335" width="10.875" style="3" customWidth="1"/>
    <col min="3336" max="3338" width="14.25" style="3" bestFit="1" customWidth="1"/>
    <col min="3339" max="3584" width="9" style="3"/>
    <col min="3585" max="3585" width="2.375" style="3" customWidth="1"/>
    <col min="3586" max="3586" width="3.5" style="3" bestFit="1" customWidth="1"/>
    <col min="3587" max="3587" width="2.25" style="3" customWidth="1"/>
    <col min="3588" max="3588" width="5.5" style="3" bestFit="1" customWidth="1"/>
    <col min="3589" max="3589" width="16.125" style="3" bestFit="1" customWidth="1"/>
    <col min="3590" max="3590" width="9" style="3"/>
    <col min="3591" max="3591" width="10.875" style="3" customWidth="1"/>
    <col min="3592" max="3594" width="14.25" style="3" bestFit="1" customWidth="1"/>
    <col min="3595" max="3840" width="9" style="3"/>
    <col min="3841" max="3841" width="2.375" style="3" customWidth="1"/>
    <col min="3842" max="3842" width="3.5" style="3" bestFit="1" customWidth="1"/>
    <col min="3843" max="3843" width="2.25" style="3" customWidth="1"/>
    <col min="3844" max="3844" width="5.5" style="3" bestFit="1" customWidth="1"/>
    <col min="3845" max="3845" width="16.125" style="3" bestFit="1" customWidth="1"/>
    <col min="3846" max="3846" width="9" style="3"/>
    <col min="3847" max="3847" width="10.875" style="3" customWidth="1"/>
    <col min="3848" max="3850" width="14.25" style="3" bestFit="1" customWidth="1"/>
    <col min="3851" max="4096" width="9" style="3"/>
    <col min="4097" max="4097" width="2.375" style="3" customWidth="1"/>
    <col min="4098" max="4098" width="3.5" style="3" bestFit="1" customWidth="1"/>
    <col min="4099" max="4099" width="2.25" style="3" customWidth="1"/>
    <col min="4100" max="4100" width="5.5" style="3" bestFit="1" customWidth="1"/>
    <col min="4101" max="4101" width="16.125" style="3" bestFit="1" customWidth="1"/>
    <col min="4102" max="4102" width="9" style="3"/>
    <col min="4103" max="4103" width="10.875" style="3" customWidth="1"/>
    <col min="4104" max="4106" width="14.25" style="3" bestFit="1" customWidth="1"/>
    <col min="4107" max="4352" width="9" style="3"/>
    <col min="4353" max="4353" width="2.375" style="3" customWidth="1"/>
    <col min="4354" max="4354" width="3.5" style="3" bestFit="1" customWidth="1"/>
    <col min="4355" max="4355" width="2.25" style="3" customWidth="1"/>
    <col min="4356" max="4356" width="5.5" style="3" bestFit="1" customWidth="1"/>
    <col min="4357" max="4357" width="16.125" style="3" bestFit="1" customWidth="1"/>
    <col min="4358" max="4358" width="9" style="3"/>
    <col min="4359" max="4359" width="10.875" style="3" customWidth="1"/>
    <col min="4360" max="4362" width="14.25" style="3" bestFit="1" customWidth="1"/>
    <col min="4363" max="4608" width="9" style="3"/>
    <col min="4609" max="4609" width="2.375" style="3" customWidth="1"/>
    <col min="4610" max="4610" width="3.5" style="3" bestFit="1" customWidth="1"/>
    <col min="4611" max="4611" width="2.25" style="3" customWidth="1"/>
    <col min="4612" max="4612" width="5.5" style="3" bestFit="1" customWidth="1"/>
    <col min="4613" max="4613" width="16.125" style="3" bestFit="1" customWidth="1"/>
    <col min="4614" max="4614" width="9" style="3"/>
    <col min="4615" max="4615" width="10.875" style="3" customWidth="1"/>
    <col min="4616" max="4618" width="14.25" style="3" bestFit="1" customWidth="1"/>
    <col min="4619" max="4864" width="9" style="3"/>
    <col min="4865" max="4865" width="2.375" style="3" customWidth="1"/>
    <col min="4866" max="4866" width="3.5" style="3" bestFit="1" customWidth="1"/>
    <col min="4867" max="4867" width="2.25" style="3" customWidth="1"/>
    <col min="4868" max="4868" width="5.5" style="3" bestFit="1" customWidth="1"/>
    <col min="4869" max="4869" width="16.125" style="3" bestFit="1" customWidth="1"/>
    <col min="4870" max="4870" width="9" style="3"/>
    <col min="4871" max="4871" width="10.875" style="3" customWidth="1"/>
    <col min="4872" max="4874" width="14.25" style="3" bestFit="1" customWidth="1"/>
    <col min="4875" max="5120" width="9" style="3"/>
    <col min="5121" max="5121" width="2.375" style="3" customWidth="1"/>
    <col min="5122" max="5122" width="3.5" style="3" bestFit="1" customWidth="1"/>
    <col min="5123" max="5123" width="2.25" style="3" customWidth="1"/>
    <col min="5124" max="5124" width="5.5" style="3" bestFit="1" customWidth="1"/>
    <col min="5125" max="5125" width="16.125" style="3" bestFit="1" customWidth="1"/>
    <col min="5126" max="5126" width="9" style="3"/>
    <col min="5127" max="5127" width="10.875" style="3" customWidth="1"/>
    <col min="5128" max="5130" width="14.25" style="3" bestFit="1" customWidth="1"/>
    <col min="5131" max="5376" width="9" style="3"/>
    <col min="5377" max="5377" width="2.375" style="3" customWidth="1"/>
    <col min="5378" max="5378" width="3.5" style="3" bestFit="1" customWidth="1"/>
    <col min="5379" max="5379" width="2.25" style="3" customWidth="1"/>
    <col min="5380" max="5380" width="5.5" style="3" bestFit="1" customWidth="1"/>
    <col min="5381" max="5381" width="16.125" style="3" bestFit="1" customWidth="1"/>
    <col min="5382" max="5382" width="9" style="3"/>
    <col min="5383" max="5383" width="10.875" style="3" customWidth="1"/>
    <col min="5384" max="5386" width="14.25" style="3" bestFit="1" customWidth="1"/>
    <col min="5387" max="5632" width="9" style="3"/>
    <col min="5633" max="5633" width="2.375" style="3" customWidth="1"/>
    <col min="5634" max="5634" width="3.5" style="3" bestFit="1" customWidth="1"/>
    <col min="5635" max="5635" width="2.25" style="3" customWidth="1"/>
    <col min="5636" max="5636" width="5.5" style="3" bestFit="1" customWidth="1"/>
    <col min="5637" max="5637" width="16.125" style="3" bestFit="1" customWidth="1"/>
    <col min="5638" max="5638" width="9" style="3"/>
    <col min="5639" max="5639" width="10.875" style="3" customWidth="1"/>
    <col min="5640" max="5642" width="14.25" style="3" bestFit="1" customWidth="1"/>
    <col min="5643" max="5888" width="9" style="3"/>
    <col min="5889" max="5889" width="2.375" style="3" customWidth="1"/>
    <col min="5890" max="5890" width="3.5" style="3" bestFit="1" customWidth="1"/>
    <col min="5891" max="5891" width="2.25" style="3" customWidth="1"/>
    <col min="5892" max="5892" width="5.5" style="3" bestFit="1" customWidth="1"/>
    <col min="5893" max="5893" width="16.125" style="3" bestFit="1" customWidth="1"/>
    <col min="5894" max="5894" width="9" style="3"/>
    <col min="5895" max="5895" width="10.875" style="3" customWidth="1"/>
    <col min="5896" max="5898" width="14.25" style="3" bestFit="1" customWidth="1"/>
    <col min="5899" max="6144" width="9" style="3"/>
    <col min="6145" max="6145" width="2.375" style="3" customWidth="1"/>
    <col min="6146" max="6146" width="3.5" style="3" bestFit="1" customWidth="1"/>
    <col min="6147" max="6147" width="2.25" style="3" customWidth="1"/>
    <col min="6148" max="6148" width="5.5" style="3" bestFit="1" customWidth="1"/>
    <col min="6149" max="6149" width="16.125" style="3" bestFit="1" customWidth="1"/>
    <col min="6150" max="6150" width="9" style="3"/>
    <col min="6151" max="6151" width="10.875" style="3" customWidth="1"/>
    <col min="6152" max="6154" width="14.25" style="3" bestFit="1" customWidth="1"/>
    <col min="6155" max="6400" width="9" style="3"/>
    <col min="6401" max="6401" width="2.375" style="3" customWidth="1"/>
    <col min="6402" max="6402" width="3.5" style="3" bestFit="1" customWidth="1"/>
    <col min="6403" max="6403" width="2.25" style="3" customWidth="1"/>
    <col min="6404" max="6404" width="5.5" style="3" bestFit="1" customWidth="1"/>
    <col min="6405" max="6405" width="16.125" style="3" bestFit="1" customWidth="1"/>
    <col min="6406" max="6406" width="9" style="3"/>
    <col min="6407" max="6407" width="10.875" style="3" customWidth="1"/>
    <col min="6408" max="6410" width="14.25" style="3" bestFit="1" customWidth="1"/>
    <col min="6411" max="6656" width="9" style="3"/>
    <col min="6657" max="6657" width="2.375" style="3" customWidth="1"/>
    <col min="6658" max="6658" width="3.5" style="3" bestFit="1" customWidth="1"/>
    <col min="6659" max="6659" width="2.25" style="3" customWidth="1"/>
    <col min="6660" max="6660" width="5.5" style="3" bestFit="1" customWidth="1"/>
    <col min="6661" max="6661" width="16.125" style="3" bestFit="1" customWidth="1"/>
    <col min="6662" max="6662" width="9" style="3"/>
    <col min="6663" max="6663" width="10.875" style="3" customWidth="1"/>
    <col min="6664" max="6666" width="14.25" style="3" bestFit="1" customWidth="1"/>
    <col min="6667" max="6912" width="9" style="3"/>
    <col min="6913" max="6913" width="2.375" style="3" customWidth="1"/>
    <col min="6914" max="6914" width="3.5" style="3" bestFit="1" customWidth="1"/>
    <col min="6915" max="6915" width="2.25" style="3" customWidth="1"/>
    <col min="6916" max="6916" width="5.5" style="3" bestFit="1" customWidth="1"/>
    <col min="6917" max="6917" width="16.125" style="3" bestFit="1" customWidth="1"/>
    <col min="6918" max="6918" width="9" style="3"/>
    <col min="6919" max="6919" width="10.875" style="3" customWidth="1"/>
    <col min="6920" max="6922" width="14.25" style="3" bestFit="1" customWidth="1"/>
    <col min="6923" max="7168" width="9" style="3"/>
    <col min="7169" max="7169" width="2.375" style="3" customWidth="1"/>
    <col min="7170" max="7170" width="3.5" style="3" bestFit="1" customWidth="1"/>
    <col min="7171" max="7171" width="2.25" style="3" customWidth="1"/>
    <col min="7172" max="7172" width="5.5" style="3" bestFit="1" customWidth="1"/>
    <col min="7173" max="7173" width="16.125" style="3" bestFit="1" customWidth="1"/>
    <col min="7174" max="7174" width="9" style="3"/>
    <col min="7175" max="7175" width="10.875" style="3" customWidth="1"/>
    <col min="7176" max="7178" width="14.25" style="3" bestFit="1" customWidth="1"/>
    <col min="7179" max="7424" width="9" style="3"/>
    <col min="7425" max="7425" width="2.375" style="3" customWidth="1"/>
    <col min="7426" max="7426" width="3.5" style="3" bestFit="1" customWidth="1"/>
    <col min="7427" max="7427" width="2.25" style="3" customWidth="1"/>
    <col min="7428" max="7428" width="5.5" style="3" bestFit="1" customWidth="1"/>
    <col min="7429" max="7429" width="16.125" style="3" bestFit="1" customWidth="1"/>
    <col min="7430" max="7430" width="9" style="3"/>
    <col min="7431" max="7431" width="10.875" style="3" customWidth="1"/>
    <col min="7432" max="7434" width="14.25" style="3" bestFit="1" customWidth="1"/>
    <col min="7435" max="7680" width="9" style="3"/>
    <col min="7681" max="7681" width="2.375" style="3" customWidth="1"/>
    <col min="7682" max="7682" width="3.5" style="3" bestFit="1" customWidth="1"/>
    <col min="7683" max="7683" width="2.25" style="3" customWidth="1"/>
    <col min="7684" max="7684" width="5.5" style="3" bestFit="1" customWidth="1"/>
    <col min="7685" max="7685" width="16.125" style="3" bestFit="1" customWidth="1"/>
    <col min="7686" max="7686" width="9" style="3"/>
    <col min="7687" max="7687" width="10.875" style="3" customWidth="1"/>
    <col min="7688" max="7690" width="14.25" style="3" bestFit="1" customWidth="1"/>
    <col min="7691" max="7936" width="9" style="3"/>
    <col min="7937" max="7937" width="2.375" style="3" customWidth="1"/>
    <col min="7938" max="7938" width="3.5" style="3" bestFit="1" customWidth="1"/>
    <col min="7939" max="7939" width="2.25" style="3" customWidth="1"/>
    <col min="7940" max="7940" width="5.5" style="3" bestFit="1" customWidth="1"/>
    <col min="7941" max="7941" width="16.125" style="3" bestFit="1" customWidth="1"/>
    <col min="7942" max="7942" width="9" style="3"/>
    <col min="7943" max="7943" width="10.875" style="3" customWidth="1"/>
    <col min="7944" max="7946" width="14.25" style="3" bestFit="1" customWidth="1"/>
    <col min="7947" max="8192" width="9" style="3"/>
    <col min="8193" max="8193" width="2.375" style="3" customWidth="1"/>
    <col min="8194" max="8194" width="3.5" style="3" bestFit="1" customWidth="1"/>
    <col min="8195" max="8195" width="2.25" style="3" customWidth="1"/>
    <col min="8196" max="8196" width="5.5" style="3" bestFit="1" customWidth="1"/>
    <col min="8197" max="8197" width="16.125" style="3" bestFit="1" customWidth="1"/>
    <col min="8198" max="8198" width="9" style="3"/>
    <col min="8199" max="8199" width="10.875" style="3" customWidth="1"/>
    <col min="8200" max="8202" width="14.25" style="3" bestFit="1" customWidth="1"/>
    <col min="8203" max="8448" width="9" style="3"/>
    <col min="8449" max="8449" width="2.375" style="3" customWidth="1"/>
    <col min="8450" max="8450" width="3.5" style="3" bestFit="1" customWidth="1"/>
    <col min="8451" max="8451" width="2.25" style="3" customWidth="1"/>
    <col min="8452" max="8452" width="5.5" style="3" bestFit="1" customWidth="1"/>
    <col min="8453" max="8453" width="16.125" style="3" bestFit="1" customWidth="1"/>
    <col min="8454" max="8454" width="9" style="3"/>
    <col min="8455" max="8455" width="10.875" style="3" customWidth="1"/>
    <col min="8456" max="8458" width="14.25" style="3" bestFit="1" customWidth="1"/>
    <col min="8459" max="8704" width="9" style="3"/>
    <col min="8705" max="8705" width="2.375" style="3" customWidth="1"/>
    <col min="8706" max="8706" width="3.5" style="3" bestFit="1" customWidth="1"/>
    <col min="8707" max="8707" width="2.25" style="3" customWidth="1"/>
    <col min="8708" max="8708" width="5.5" style="3" bestFit="1" customWidth="1"/>
    <col min="8709" max="8709" width="16.125" style="3" bestFit="1" customWidth="1"/>
    <col min="8710" max="8710" width="9" style="3"/>
    <col min="8711" max="8711" width="10.875" style="3" customWidth="1"/>
    <col min="8712" max="8714" width="14.25" style="3" bestFit="1" customWidth="1"/>
    <col min="8715" max="8960" width="9" style="3"/>
    <col min="8961" max="8961" width="2.375" style="3" customWidth="1"/>
    <col min="8962" max="8962" width="3.5" style="3" bestFit="1" customWidth="1"/>
    <col min="8963" max="8963" width="2.25" style="3" customWidth="1"/>
    <col min="8964" max="8964" width="5.5" style="3" bestFit="1" customWidth="1"/>
    <col min="8965" max="8965" width="16.125" style="3" bestFit="1" customWidth="1"/>
    <col min="8966" max="8966" width="9" style="3"/>
    <col min="8967" max="8967" width="10.875" style="3" customWidth="1"/>
    <col min="8968" max="8970" width="14.25" style="3" bestFit="1" customWidth="1"/>
    <col min="8971" max="9216" width="9" style="3"/>
    <col min="9217" max="9217" width="2.375" style="3" customWidth="1"/>
    <col min="9218" max="9218" width="3.5" style="3" bestFit="1" customWidth="1"/>
    <col min="9219" max="9219" width="2.25" style="3" customWidth="1"/>
    <col min="9220" max="9220" width="5.5" style="3" bestFit="1" customWidth="1"/>
    <col min="9221" max="9221" width="16.125" style="3" bestFit="1" customWidth="1"/>
    <col min="9222" max="9222" width="9" style="3"/>
    <col min="9223" max="9223" width="10.875" style="3" customWidth="1"/>
    <col min="9224" max="9226" width="14.25" style="3" bestFit="1" customWidth="1"/>
    <col min="9227" max="9472" width="9" style="3"/>
    <col min="9473" max="9473" width="2.375" style="3" customWidth="1"/>
    <col min="9474" max="9474" width="3.5" style="3" bestFit="1" customWidth="1"/>
    <col min="9475" max="9475" width="2.25" style="3" customWidth="1"/>
    <col min="9476" max="9476" width="5.5" style="3" bestFit="1" customWidth="1"/>
    <col min="9477" max="9477" width="16.125" style="3" bestFit="1" customWidth="1"/>
    <col min="9478" max="9478" width="9" style="3"/>
    <col min="9479" max="9479" width="10.875" style="3" customWidth="1"/>
    <col min="9480" max="9482" width="14.25" style="3" bestFit="1" customWidth="1"/>
    <col min="9483" max="9728" width="9" style="3"/>
    <col min="9729" max="9729" width="2.375" style="3" customWidth="1"/>
    <col min="9730" max="9730" width="3.5" style="3" bestFit="1" customWidth="1"/>
    <col min="9731" max="9731" width="2.25" style="3" customWidth="1"/>
    <col min="9732" max="9732" width="5.5" style="3" bestFit="1" customWidth="1"/>
    <col min="9733" max="9733" width="16.125" style="3" bestFit="1" customWidth="1"/>
    <col min="9734" max="9734" width="9" style="3"/>
    <col min="9735" max="9735" width="10.875" style="3" customWidth="1"/>
    <col min="9736" max="9738" width="14.25" style="3" bestFit="1" customWidth="1"/>
    <col min="9739" max="9984" width="9" style="3"/>
    <col min="9985" max="9985" width="2.375" style="3" customWidth="1"/>
    <col min="9986" max="9986" width="3.5" style="3" bestFit="1" customWidth="1"/>
    <col min="9987" max="9987" width="2.25" style="3" customWidth="1"/>
    <col min="9988" max="9988" width="5.5" style="3" bestFit="1" customWidth="1"/>
    <col min="9989" max="9989" width="16.125" style="3" bestFit="1" customWidth="1"/>
    <col min="9990" max="9990" width="9" style="3"/>
    <col min="9991" max="9991" width="10.875" style="3" customWidth="1"/>
    <col min="9992" max="9994" width="14.25" style="3" bestFit="1" customWidth="1"/>
    <col min="9995" max="10240" width="9" style="3"/>
    <col min="10241" max="10241" width="2.375" style="3" customWidth="1"/>
    <col min="10242" max="10242" width="3.5" style="3" bestFit="1" customWidth="1"/>
    <col min="10243" max="10243" width="2.25" style="3" customWidth="1"/>
    <col min="10244" max="10244" width="5.5" style="3" bestFit="1" customWidth="1"/>
    <col min="10245" max="10245" width="16.125" style="3" bestFit="1" customWidth="1"/>
    <col min="10246" max="10246" width="9" style="3"/>
    <col min="10247" max="10247" width="10.875" style="3" customWidth="1"/>
    <col min="10248" max="10250" width="14.25" style="3" bestFit="1" customWidth="1"/>
    <col min="10251" max="10496" width="9" style="3"/>
    <col min="10497" max="10497" width="2.375" style="3" customWidth="1"/>
    <col min="10498" max="10498" width="3.5" style="3" bestFit="1" customWidth="1"/>
    <col min="10499" max="10499" width="2.25" style="3" customWidth="1"/>
    <col min="10500" max="10500" width="5.5" style="3" bestFit="1" customWidth="1"/>
    <col min="10501" max="10501" width="16.125" style="3" bestFit="1" customWidth="1"/>
    <col min="10502" max="10502" width="9" style="3"/>
    <col min="10503" max="10503" width="10.875" style="3" customWidth="1"/>
    <col min="10504" max="10506" width="14.25" style="3" bestFit="1" customWidth="1"/>
    <col min="10507" max="10752" width="9" style="3"/>
    <col min="10753" max="10753" width="2.375" style="3" customWidth="1"/>
    <col min="10754" max="10754" width="3.5" style="3" bestFit="1" customWidth="1"/>
    <col min="10755" max="10755" width="2.25" style="3" customWidth="1"/>
    <col min="10756" max="10756" width="5.5" style="3" bestFit="1" customWidth="1"/>
    <col min="10757" max="10757" width="16.125" style="3" bestFit="1" customWidth="1"/>
    <col min="10758" max="10758" width="9" style="3"/>
    <col min="10759" max="10759" width="10.875" style="3" customWidth="1"/>
    <col min="10760" max="10762" width="14.25" style="3" bestFit="1" customWidth="1"/>
    <col min="10763" max="11008" width="9" style="3"/>
    <col min="11009" max="11009" width="2.375" style="3" customWidth="1"/>
    <col min="11010" max="11010" width="3.5" style="3" bestFit="1" customWidth="1"/>
    <col min="11011" max="11011" width="2.25" style="3" customWidth="1"/>
    <col min="11012" max="11012" width="5.5" style="3" bestFit="1" customWidth="1"/>
    <col min="11013" max="11013" width="16.125" style="3" bestFit="1" customWidth="1"/>
    <col min="11014" max="11014" width="9" style="3"/>
    <col min="11015" max="11015" width="10.875" style="3" customWidth="1"/>
    <col min="11016" max="11018" width="14.25" style="3" bestFit="1" customWidth="1"/>
    <col min="11019" max="11264" width="9" style="3"/>
    <col min="11265" max="11265" width="2.375" style="3" customWidth="1"/>
    <col min="11266" max="11266" width="3.5" style="3" bestFit="1" customWidth="1"/>
    <col min="11267" max="11267" width="2.25" style="3" customWidth="1"/>
    <col min="11268" max="11268" width="5.5" style="3" bestFit="1" customWidth="1"/>
    <col min="11269" max="11269" width="16.125" style="3" bestFit="1" customWidth="1"/>
    <col min="11270" max="11270" width="9" style="3"/>
    <col min="11271" max="11271" width="10.875" style="3" customWidth="1"/>
    <col min="11272" max="11274" width="14.25" style="3" bestFit="1" customWidth="1"/>
    <col min="11275" max="11520" width="9" style="3"/>
    <col min="11521" max="11521" width="2.375" style="3" customWidth="1"/>
    <col min="11522" max="11522" width="3.5" style="3" bestFit="1" customWidth="1"/>
    <col min="11523" max="11523" width="2.25" style="3" customWidth="1"/>
    <col min="11524" max="11524" width="5.5" style="3" bestFit="1" customWidth="1"/>
    <col min="11525" max="11525" width="16.125" style="3" bestFit="1" customWidth="1"/>
    <col min="11526" max="11526" width="9" style="3"/>
    <col min="11527" max="11527" width="10.875" style="3" customWidth="1"/>
    <col min="11528" max="11530" width="14.25" style="3" bestFit="1" customWidth="1"/>
    <col min="11531" max="11776" width="9" style="3"/>
    <col min="11777" max="11777" width="2.375" style="3" customWidth="1"/>
    <col min="11778" max="11778" width="3.5" style="3" bestFit="1" customWidth="1"/>
    <col min="11779" max="11779" width="2.25" style="3" customWidth="1"/>
    <col min="11780" max="11780" width="5.5" style="3" bestFit="1" customWidth="1"/>
    <col min="11781" max="11781" width="16.125" style="3" bestFit="1" customWidth="1"/>
    <col min="11782" max="11782" width="9" style="3"/>
    <col min="11783" max="11783" width="10.875" style="3" customWidth="1"/>
    <col min="11784" max="11786" width="14.25" style="3" bestFit="1" customWidth="1"/>
    <col min="11787" max="12032" width="9" style="3"/>
    <col min="12033" max="12033" width="2.375" style="3" customWidth="1"/>
    <col min="12034" max="12034" width="3.5" style="3" bestFit="1" customWidth="1"/>
    <col min="12035" max="12035" width="2.25" style="3" customWidth="1"/>
    <col min="12036" max="12036" width="5.5" style="3" bestFit="1" customWidth="1"/>
    <col min="12037" max="12037" width="16.125" style="3" bestFit="1" customWidth="1"/>
    <col min="12038" max="12038" width="9" style="3"/>
    <col min="12039" max="12039" width="10.875" style="3" customWidth="1"/>
    <col min="12040" max="12042" width="14.25" style="3" bestFit="1" customWidth="1"/>
    <col min="12043" max="12288" width="9" style="3"/>
    <col min="12289" max="12289" width="2.375" style="3" customWidth="1"/>
    <col min="12290" max="12290" width="3.5" style="3" bestFit="1" customWidth="1"/>
    <col min="12291" max="12291" width="2.25" style="3" customWidth="1"/>
    <col min="12292" max="12292" width="5.5" style="3" bestFit="1" customWidth="1"/>
    <col min="12293" max="12293" width="16.125" style="3" bestFit="1" customWidth="1"/>
    <col min="12294" max="12294" width="9" style="3"/>
    <col min="12295" max="12295" width="10.875" style="3" customWidth="1"/>
    <col min="12296" max="12298" width="14.25" style="3" bestFit="1" customWidth="1"/>
    <col min="12299" max="12544" width="9" style="3"/>
    <col min="12545" max="12545" width="2.375" style="3" customWidth="1"/>
    <col min="12546" max="12546" width="3.5" style="3" bestFit="1" customWidth="1"/>
    <col min="12547" max="12547" width="2.25" style="3" customWidth="1"/>
    <col min="12548" max="12548" width="5.5" style="3" bestFit="1" customWidth="1"/>
    <col min="12549" max="12549" width="16.125" style="3" bestFit="1" customWidth="1"/>
    <col min="12550" max="12550" width="9" style="3"/>
    <col min="12551" max="12551" width="10.875" style="3" customWidth="1"/>
    <col min="12552" max="12554" width="14.25" style="3" bestFit="1" customWidth="1"/>
    <col min="12555" max="12800" width="9" style="3"/>
    <col min="12801" max="12801" width="2.375" style="3" customWidth="1"/>
    <col min="12802" max="12802" width="3.5" style="3" bestFit="1" customWidth="1"/>
    <col min="12803" max="12803" width="2.25" style="3" customWidth="1"/>
    <col min="12804" max="12804" width="5.5" style="3" bestFit="1" customWidth="1"/>
    <col min="12805" max="12805" width="16.125" style="3" bestFit="1" customWidth="1"/>
    <col min="12806" max="12806" width="9" style="3"/>
    <col min="12807" max="12807" width="10.875" style="3" customWidth="1"/>
    <col min="12808" max="12810" width="14.25" style="3" bestFit="1" customWidth="1"/>
    <col min="12811" max="13056" width="9" style="3"/>
    <col min="13057" max="13057" width="2.375" style="3" customWidth="1"/>
    <col min="13058" max="13058" width="3.5" style="3" bestFit="1" customWidth="1"/>
    <col min="13059" max="13059" width="2.25" style="3" customWidth="1"/>
    <col min="13060" max="13060" width="5.5" style="3" bestFit="1" customWidth="1"/>
    <col min="13061" max="13061" width="16.125" style="3" bestFit="1" customWidth="1"/>
    <col min="13062" max="13062" width="9" style="3"/>
    <col min="13063" max="13063" width="10.875" style="3" customWidth="1"/>
    <col min="13064" max="13066" width="14.25" style="3" bestFit="1" customWidth="1"/>
    <col min="13067" max="13312" width="9" style="3"/>
    <col min="13313" max="13313" width="2.375" style="3" customWidth="1"/>
    <col min="13314" max="13314" width="3.5" style="3" bestFit="1" customWidth="1"/>
    <col min="13315" max="13315" width="2.25" style="3" customWidth="1"/>
    <col min="13316" max="13316" width="5.5" style="3" bestFit="1" customWidth="1"/>
    <col min="13317" max="13317" width="16.125" style="3" bestFit="1" customWidth="1"/>
    <col min="13318" max="13318" width="9" style="3"/>
    <col min="13319" max="13319" width="10.875" style="3" customWidth="1"/>
    <col min="13320" max="13322" width="14.25" style="3" bestFit="1" customWidth="1"/>
    <col min="13323" max="13568" width="9" style="3"/>
    <col min="13569" max="13569" width="2.375" style="3" customWidth="1"/>
    <col min="13570" max="13570" width="3.5" style="3" bestFit="1" customWidth="1"/>
    <col min="13571" max="13571" width="2.25" style="3" customWidth="1"/>
    <col min="13572" max="13572" width="5.5" style="3" bestFit="1" customWidth="1"/>
    <col min="13573" max="13573" width="16.125" style="3" bestFit="1" customWidth="1"/>
    <col min="13574" max="13574" width="9" style="3"/>
    <col min="13575" max="13575" width="10.875" style="3" customWidth="1"/>
    <col min="13576" max="13578" width="14.25" style="3" bestFit="1" customWidth="1"/>
    <col min="13579" max="13824" width="9" style="3"/>
    <col min="13825" max="13825" width="2.375" style="3" customWidth="1"/>
    <col min="13826" max="13826" width="3.5" style="3" bestFit="1" customWidth="1"/>
    <col min="13827" max="13827" width="2.25" style="3" customWidth="1"/>
    <col min="13828" max="13828" width="5.5" style="3" bestFit="1" customWidth="1"/>
    <col min="13829" max="13829" width="16.125" style="3" bestFit="1" customWidth="1"/>
    <col min="13830" max="13830" width="9" style="3"/>
    <col min="13831" max="13831" width="10.875" style="3" customWidth="1"/>
    <col min="13832" max="13834" width="14.25" style="3" bestFit="1" customWidth="1"/>
    <col min="13835" max="14080" width="9" style="3"/>
    <col min="14081" max="14081" width="2.375" style="3" customWidth="1"/>
    <col min="14082" max="14082" width="3.5" style="3" bestFit="1" customWidth="1"/>
    <col min="14083" max="14083" width="2.25" style="3" customWidth="1"/>
    <col min="14084" max="14084" width="5.5" style="3" bestFit="1" customWidth="1"/>
    <col min="14085" max="14085" width="16.125" style="3" bestFit="1" customWidth="1"/>
    <col min="14086" max="14086" width="9" style="3"/>
    <col min="14087" max="14087" width="10.875" style="3" customWidth="1"/>
    <col min="14088" max="14090" width="14.25" style="3" bestFit="1" customWidth="1"/>
    <col min="14091" max="14336" width="9" style="3"/>
    <col min="14337" max="14337" width="2.375" style="3" customWidth="1"/>
    <col min="14338" max="14338" width="3.5" style="3" bestFit="1" customWidth="1"/>
    <col min="14339" max="14339" width="2.25" style="3" customWidth="1"/>
    <col min="14340" max="14340" width="5.5" style="3" bestFit="1" customWidth="1"/>
    <col min="14341" max="14341" width="16.125" style="3" bestFit="1" customWidth="1"/>
    <col min="14342" max="14342" width="9" style="3"/>
    <col min="14343" max="14343" width="10.875" style="3" customWidth="1"/>
    <col min="14344" max="14346" width="14.25" style="3" bestFit="1" customWidth="1"/>
    <col min="14347" max="14592" width="9" style="3"/>
    <col min="14593" max="14593" width="2.375" style="3" customWidth="1"/>
    <col min="14594" max="14594" width="3.5" style="3" bestFit="1" customWidth="1"/>
    <col min="14595" max="14595" width="2.25" style="3" customWidth="1"/>
    <col min="14596" max="14596" width="5.5" style="3" bestFit="1" customWidth="1"/>
    <col min="14597" max="14597" width="16.125" style="3" bestFit="1" customWidth="1"/>
    <col min="14598" max="14598" width="9" style="3"/>
    <col min="14599" max="14599" width="10.875" style="3" customWidth="1"/>
    <col min="14600" max="14602" width="14.25" style="3" bestFit="1" customWidth="1"/>
    <col min="14603" max="14848" width="9" style="3"/>
    <col min="14849" max="14849" width="2.375" style="3" customWidth="1"/>
    <col min="14850" max="14850" width="3.5" style="3" bestFit="1" customWidth="1"/>
    <col min="14851" max="14851" width="2.25" style="3" customWidth="1"/>
    <col min="14852" max="14852" width="5.5" style="3" bestFit="1" customWidth="1"/>
    <col min="14853" max="14853" width="16.125" style="3" bestFit="1" customWidth="1"/>
    <col min="14854" max="14854" width="9" style="3"/>
    <col min="14855" max="14855" width="10.875" style="3" customWidth="1"/>
    <col min="14856" max="14858" width="14.25" style="3" bestFit="1" customWidth="1"/>
    <col min="14859" max="15104" width="9" style="3"/>
    <col min="15105" max="15105" width="2.375" style="3" customWidth="1"/>
    <col min="15106" max="15106" width="3.5" style="3" bestFit="1" customWidth="1"/>
    <col min="15107" max="15107" width="2.25" style="3" customWidth="1"/>
    <col min="15108" max="15108" width="5.5" style="3" bestFit="1" customWidth="1"/>
    <col min="15109" max="15109" width="16.125" style="3" bestFit="1" customWidth="1"/>
    <col min="15110" max="15110" width="9" style="3"/>
    <col min="15111" max="15111" width="10.875" style="3" customWidth="1"/>
    <col min="15112" max="15114" width="14.25" style="3" bestFit="1" customWidth="1"/>
    <col min="15115" max="15360" width="9" style="3"/>
    <col min="15361" max="15361" width="2.375" style="3" customWidth="1"/>
    <col min="15362" max="15362" width="3.5" style="3" bestFit="1" customWidth="1"/>
    <col min="15363" max="15363" width="2.25" style="3" customWidth="1"/>
    <col min="15364" max="15364" width="5.5" style="3" bestFit="1" customWidth="1"/>
    <col min="15365" max="15365" width="16.125" style="3" bestFit="1" customWidth="1"/>
    <col min="15366" max="15366" width="9" style="3"/>
    <col min="15367" max="15367" width="10.875" style="3" customWidth="1"/>
    <col min="15368" max="15370" width="14.25" style="3" bestFit="1" customWidth="1"/>
    <col min="15371" max="15616" width="9" style="3"/>
    <col min="15617" max="15617" width="2.375" style="3" customWidth="1"/>
    <col min="15618" max="15618" width="3.5" style="3" bestFit="1" customWidth="1"/>
    <col min="15619" max="15619" width="2.25" style="3" customWidth="1"/>
    <col min="15620" max="15620" width="5.5" style="3" bestFit="1" customWidth="1"/>
    <col min="15621" max="15621" width="16.125" style="3" bestFit="1" customWidth="1"/>
    <col min="15622" max="15622" width="9" style="3"/>
    <col min="15623" max="15623" width="10.875" style="3" customWidth="1"/>
    <col min="15624" max="15626" width="14.25" style="3" bestFit="1" customWidth="1"/>
    <col min="15627" max="15872" width="9" style="3"/>
    <col min="15873" max="15873" width="2.375" style="3" customWidth="1"/>
    <col min="15874" max="15874" width="3.5" style="3" bestFit="1" customWidth="1"/>
    <col min="15875" max="15875" width="2.25" style="3" customWidth="1"/>
    <col min="15876" max="15876" width="5.5" style="3" bestFit="1" customWidth="1"/>
    <col min="15877" max="15877" width="16.125" style="3" bestFit="1" customWidth="1"/>
    <col min="15878" max="15878" width="9" style="3"/>
    <col min="15879" max="15879" width="10.875" style="3" customWidth="1"/>
    <col min="15880" max="15882" width="14.25" style="3" bestFit="1" customWidth="1"/>
    <col min="15883" max="16128" width="9" style="3"/>
    <col min="16129" max="16129" width="2.375" style="3" customWidth="1"/>
    <col min="16130" max="16130" width="3.5" style="3" bestFit="1" customWidth="1"/>
    <col min="16131" max="16131" width="2.25" style="3" customWidth="1"/>
    <col min="16132" max="16132" width="5.5" style="3" bestFit="1" customWidth="1"/>
    <col min="16133" max="16133" width="16.125" style="3" bestFit="1" customWidth="1"/>
    <col min="16134" max="16134" width="9" style="3"/>
    <col min="16135" max="16135" width="10.875" style="3" customWidth="1"/>
    <col min="16136" max="16138" width="14.25" style="3" bestFit="1" customWidth="1"/>
    <col min="16139" max="16384" width="9" style="3"/>
  </cols>
  <sheetData>
    <row r="5" spans="1:10" ht="18" customHeight="1" x14ac:dyDescent="0.15">
      <c r="A5" t="s">
        <v>51</v>
      </c>
      <c r="I5" s="78"/>
      <c r="J5" s="62"/>
    </row>
    <row r="8" spans="1:10" ht="18" customHeight="1" x14ac:dyDescent="0.15">
      <c r="B8" s="8">
        <v>1</v>
      </c>
      <c r="C8" s="3" t="s">
        <v>44</v>
      </c>
    </row>
    <row r="9" spans="1:10" ht="18" customHeight="1" x14ac:dyDescent="0.15"/>
    <row r="11" spans="1:10" ht="18" customHeight="1" x14ac:dyDescent="0.15">
      <c r="B11" s="8">
        <v>2</v>
      </c>
      <c r="C11" s="3" t="s">
        <v>45</v>
      </c>
    </row>
    <row r="12" spans="1:10" ht="18" customHeight="1" x14ac:dyDescent="0.15"/>
    <row r="14" spans="1:10" ht="18" customHeight="1" x14ac:dyDescent="0.15">
      <c r="B14" s="8">
        <v>3</v>
      </c>
      <c r="C14" s="3" t="s">
        <v>46</v>
      </c>
    </row>
    <row r="15" spans="1:10" ht="18" customHeight="1" x14ac:dyDescent="0.15"/>
    <row r="17" spans="2:10" ht="18" customHeight="1" x14ac:dyDescent="0.15">
      <c r="B17" s="8">
        <v>4</v>
      </c>
      <c r="C17" s="3" t="s">
        <v>4</v>
      </c>
    </row>
    <row r="18" spans="2:10" ht="18" customHeight="1" x14ac:dyDescent="0.15">
      <c r="D18" s="3" t="s">
        <v>47</v>
      </c>
    </row>
    <row r="20" spans="2:10" ht="18" customHeight="1" x14ac:dyDescent="0.15">
      <c r="B20" s="8">
        <v>5</v>
      </c>
      <c r="C20" t="s">
        <v>33</v>
      </c>
    </row>
    <row r="21" spans="2:10" ht="18" customHeight="1" x14ac:dyDescent="0.15">
      <c r="E21" s="22"/>
      <c r="F21" s="22"/>
    </row>
    <row r="23" spans="2:10" ht="18" customHeight="1" x14ac:dyDescent="0.15">
      <c r="B23" s="8">
        <v>6</v>
      </c>
      <c r="C23" s="3" t="s">
        <v>5</v>
      </c>
    </row>
    <row r="24" spans="2:10" ht="18" customHeight="1" x14ac:dyDescent="0.15">
      <c r="C24" t="s">
        <v>52</v>
      </c>
    </row>
    <row r="25" spans="2:10" x14ac:dyDescent="0.15">
      <c r="D25" s="23"/>
      <c r="E25" s="24"/>
      <c r="F25" s="25"/>
      <c r="G25" s="26"/>
      <c r="H25" s="27" t="s">
        <v>6</v>
      </c>
      <c r="I25" s="26"/>
      <c r="J25" s="28"/>
    </row>
    <row r="26" spans="2:10" x14ac:dyDescent="0.15">
      <c r="D26" s="29"/>
      <c r="E26" s="30"/>
      <c r="F26" s="21"/>
      <c r="G26" s="21" t="s">
        <v>7</v>
      </c>
      <c r="H26" s="21"/>
      <c r="I26" s="31"/>
      <c r="J26" s="31"/>
    </row>
    <row r="27" spans="2:10" x14ac:dyDescent="0.15">
      <c r="D27" s="29"/>
      <c r="E27" s="30"/>
      <c r="F27" s="32" t="s">
        <v>8</v>
      </c>
      <c r="G27" s="33" t="s">
        <v>9</v>
      </c>
      <c r="H27" s="34" t="s">
        <v>10</v>
      </c>
      <c r="I27" s="2" t="s">
        <v>48</v>
      </c>
      <c r="J27" s="31" t="s">
        <v>11</v>
      </c>
    </row>
    <row r="28" spans="2:10" x14ac:dyDescent="0.15">
      <c r="D28" s="35"/>
      <c r="E28" s="36"/>
      <c r="F28" s="21" t="s">
        <v>12</v>
      </c>
      <c r="G28" s="37" t="s">
        <v>12</v>
      </c>
      <c r="H28" s="38" t="s">
        <v>12</v>
      </c>
      <c r="I28" s="39"/>
      <c r="J28" s="39"/>
    </row>
    <row r="29" spans="2:10" x14ac:dyDescent="0.15">
      <c r="D29" s="95" t="s">
        <v>53</v>
      </c>
      <c r="E29" s="40"/>
      <c r="F29" s="41"/>
      <c r="G29" s="42"/>
      <c r="H29" s="43"/>
      <c r="I29" s="44"/>
      <c r="J29" s="45" t="str">
        <f t="shared" ref="J29:J35" si="0">IF(SUM(F29:I29)=0,"",SUM(F29:I29))</f>
        <v/>
      </c>
    </row>
    <row r="30" spans="2:10" x14ac:dyDescent="0.15">
      <c r="D30" s="96"/>
      <c r="E30" s="46"/>
      <c r="F30" s="47"/>
      <c r="G30" s="48"/>
      <c r="H30" s="49"/>
      <c r="I30" s="50"/>
      <c r="J30" s="51" t="str">
        <f t="shared" si="0"/>
        <v/>
      </c>
    </row>
    <row r="31" spans="2:10" x14ac:dyDescent="0.15">
      <c r="D31" s="96"/>
      <c r="E31" s="46"/>
      <c r="F31" s="47"/>
      <c r="G31" s="48"/>
      <c r="H31" s="49"/>
      <c r="I31" s="50"/>
      <c r="J31" s="51" t="str">
        <f t="shared" si="0"/>
        <v/>
      </c>
    </row>
    <row r="32" spans="2:10" x14ac:dyDescent="0.15">
      <c r="D32" s="96"/>
      <c r="E32" s="46"/>
      <c r="F32" s="47"/>
      <c r="G32" s="48"/>
      <c r="H32" s="49"/>
      <c r="I32" s="50"/>
      <c r="J32" s="51" t="str">
        <f t="shared" si="0"/>
        <v/>
      </c>
    </row>
    <row r="33" spans="3:12" ht="14.25" customHeight="1" x14ac:dyDescent="0.15">
      <c r="D33" s="96"/>
      <c r="E33" s="46"/>
      <c r="F33" s="47"/>
      <c r="G33" s="48"/>
      <c r="H33" s="49"/>
      <c r="I33" s="50"/>
      <c r="J33" s="51" t="str">
        <f t="shared" si="0"/>
        <v/>
      </c>
    </row>
    <row r="34" spans="3:12" x14ac:dyDescent="0.15">
      <c r="D34" s="96"/>
      <c r="E34" s="46"/>
      <c r="F34" s="47"/>
      <c r="G34" s="48"/>
      <c r="H34" s="49"/>
      <c r="I34" s="50"/>
      <c r="J34" s="51" t="str">
        <f t="shared" si="0"/>
        <v/>
      </c>
    </row>
    <row r="35" spans="3:12" x14ac:dyDescent="0.15">
      <c r="D35" s="97"/>
      <c r="E35" s="52"/>
      <c r="F35" s="53"/>
      <c r="G35" s="54"/>
      <c r="H35" s="55"/>
      <c r="I35" s="56"/>
      <c r="J35" s="57" t="str">
        <f t="shared" si="0"/>
        <v/>
      </c>
    </row>
    <row r="36" spans="3:12" ht="18" customHeight="1" x14ac:dyDescent="0.15">
      <c r="D36" s="93" t="s">
        <v>11</v>
      </c>
      <c r="E36" s="94"/>
      <c r="F36" s="58" t="str">
        <f>IF(SUM(F29:F35)=0,"",SUM(F29:F35))</f>
        <v/>
      </c>
      <c r="G36" s="59" t="str">
        <f>IF(SUM(G29:G35)=0,"",SUM(G29:G35))</f>
        <v/>
      </c>
      <c r="H36" s="60" t="str">
        <f>IF(SUM(H29:H35)=0,"",SUM(H29:H35))</f>
        <v/>
      </c>
      <c r="I36" s="61" t="str">
        <f>IF(SUM(I29:I35)=0,"",SUM(I29:I35))</f>
        <v/>
      </c>
      <c r="J36" s="61" t="str">
        <f>IF(SUM(J29:J35)=0,"",SUM(J29:J35))</f>
        <v/>
      </c>
    </row>
    <row r="37" spans="3:12" x14ac:dyDescent="0.15">
      <c r="C37" s="62"/>
      <c r="D37" s="63"/>
    </row>
    <row r="39" spans="3:12" ht="18" customHeight="1" x14ac:dyDescent="0.15">
      <c r="C39" s="3" t="s">
        <v>13</v>
      </c>
    </row>
    <row r="40" spans="3:12" ht="18" customHeight="1" x14ac:dyDescent="0.15">
      <c r="D40" s="69"/>
      <c r="E40" s="69"/>
      <c r="F40" s="10"/>
      <c r="G40" s="10"/>
    </row>
    <row r="42" spans="3:12" x14ac:dyDescent="0.15">
      <c r="C42" t="s">
        <v>54</v>
      </c>
    </row>
    <row r="43" spans="3:12" x14ac:dyDescent="0.15">
      <c r="C43"/>
      <c r="D43"/>
    </row>
    <row r="45" spans="3:12" ht="18" customHeight="1" x14ac:dyDescent="0.15">
      <c r="C45" t="s">
        <v>55</v>
      </c>
    </row>
    <row r="46" spans="3:12" ht="18" customHeight="1" x14ac:dyDescent="0.15">
      <c r="D46" s="70"/>
      <c r="L46" s="71"/>
    </row>
    <row r="47" spans="3:12" ht="18" customHeight="1" x14ac:dyDescent="0.15">
      <c r="D47" s="70"/>
    </row>
    <row r="48" spans="3:12"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row r="70" ht="18" customHeight="1" x14ac:dyDescent="0.15"/>
    <row r="71" ht="18" customHeight="1" x14ac:dyDescent="0.15"/>
    <row r="72" ht="18" customHeight="1" x14ac:dyDescent="0.15"/>
    <row r="73" ht="18" customHeight="1" x14ac:dyDescent="0.15"/>
    <row r="74" ht="18" customHeight="1" x14ac:dyDescent="0.15"/>
    <row r="75" ht="18" customHeight="1" x14ac:dyDescent="0.15"/>
    <row r="76" ht="18" customHeight="1" x14ac:dyDescent="0.15"/>
    <row r="77" ht="18" customHeight="1" x14ac:dyDescent="0.15"/>
    <row r="78" ht="18" customHeight="1" x14ac:dyDescent="0.15"/>
    <row r="79" ht="18" customHeight="1" x14ac:dyDescent="0.15"/>
    <row r="80" ht="18" customHeight="1" x14ac:dyDescent="0.15"/>
    <row r="81" ht="18" customHeight="1" x14ac:dyDescent="0.15"/>
    <row r="82" ht="18" customHeight="1" x14ac:dyDescent="0.15"/>
    <row r="83" ht="18" customHeight="1" x14ac:dyDescent="0.15"/>
    <row r="84" ht="18" customHeight="1" x14ac:dyDescent="0.15"/>
    <row r="85" ht="18" customHeight="1" x14ac:dyDescent="0.15"/>
    <row r="86" ht="18" customHeight="1" x14ac:dyDescent="0.15"/>
    <row r="87" ht="18" customHeight="1" x14ac:dyDescent="0.15"/>
  </sheetData>
  <mergeCells count="2">
    <mergeCell ref="D29:D35"/>
    <mergeCell ref="D36:E36"/>
  </mergeCells>
  <phoneticPr fontId="2"/>
  <conditionalFormatting sqref="D18">
    <cfRule type="cellIs" dxfId="4" priority="1" stopIfTrue="1" operator="equal">
      <formula>""</formula>
    </cfRule>
  </conditionalFormatting>
  <printOptions horizontalCentered="1"/>
  <pageMargins left="0.35433070866141736" right="0.39370078740157483" top="0.19685039370078741" bottom="0.55118110236220474" header="0.74803149606299213" footer="0.35433070866141736"/>
  <pageSetup paperSize="9"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5:J66"/>
  <sheetViews>
    <sheetView view="pageBreakPreview" zoomScaleNormal="100" zoomScaleSheetLayoutView="100" workbookViewId="0"/>
  </sheetViews>
  <sheetFormatPr defaultColWidth="9" defaultRowHeight="13.5" x14ac:dyDescent="0.15"/>
  <cols>
    <col min="1" max="1" width="2.375" style="3" customWidth="1"/>
    <col min="2" max="2" width="2.5" style="8" bestFit="1" customWidth="1"/>
    <col min="3" max="3" width="2.25" style="3" customWidth="1"/>
    <col min="4" max="4" width="5.5" style="3" bestFit="1" customWidth="1"/>
    <col min="5" max="5" width="16.125" style="3" bestFit="1" customWidth="1"/>
    <col min="6" max="6" width="9" style="3"/>
    <col min="7" max="7" width="10.875" style="3" customWidth="1"/>
    <col min="8" max="8" width="15" style="3" bestFit="1" customWidth="1"/>
    <col min="9" max="10" width="11.625" style="3" bestFit="1" customWidth="1"/>
    <col min="11" max="256" width="9" style="3"/>
    <col min="257" max="257" width="2.375" style="3" customWidth="1"/>
    <col min="258" max="258" width="2.5" style="3" bestFit="1" customWidth="1"/>
    <col min="259" max="259" width="2.25" style="3" customWidth="1"/>
    <col min="260" max="260" width="5.5" style="3" bestFit="1" customWidth="1"/>
    <col min="261" max="261" width="16.125" style="3" bestFit="1" customWidth="1"/>
    <col min="262" max="262" width="9" style="3"/>
    <col min="263" max="263" width="10.875" style="3" customWidth="1"/>
    <col min="264" max="264" width="15" style="3" bestFit="1" customWidth="1"/>
    <col min="265" max="266" width="11.625" style="3" bestFit="1" customWidth="1"/>
    <col min="267" max="512" width="9" style="3"/>
    <col min="513" max="513" width="2.375" style="3" customWidth="1"/>
    <col min="514" max="514" width="2.5" style="3" bestFit="1" customWidth="1"/>
    <col min="515" max="515" width="2.25" style="3" customWidth="1"/>
    <col min="516" max="516" width="5.5" style="3" bestFit="1" customWidth="1"/>
    <col min="517" max="517" width="16.125" style="3" bestFit="1" customWidth="1"/>
    <col min="518" max="518" width="9" style="3"/>
    <col min="519" max="519" width="10.875" style="3" customWidth="1"/>
    <col min="520" max="520" width="15" style="3" bestFit="1" customWidth="1"/>
    <col min="521" max="522" width="11.625" style="3" bestFit="1" customWidth="1"/>
    <col min="523" max="768" width="9" style="3"/>
    <col min="769" max="769" width="2.375" style="3" customWidth="1"/>
    <col min="770" max="770" width="2.5" style="3" bestFit="1" customWidth="1"/>
    <col min="771" max="771" width="2.25" style="3" customWidth="1"/>
    <col min="772" max="772" width="5.5" style="3" bestFit="1" customWidth="1"/>
    <col min="773" max="773" width="16.125" style="3" bestFit="1" customWidth="1"/>
    <col min="774" max="774" width="9" style="3"/>
    <col min="775" max="775" width="10.875" style="3" customWidth="1"/>
    <col min="776" max="776" width="15" style="3" bestFit="1" customWidth="1"/>
    <col min="777" max="778" width="11.625" style="3" bestFit="1" customWidth="1"/>
    <col min="779" max="1024" width="9" style="3"/>
    <col min="1025" max="1025" width="2.375" style="3" customWidth="1"/>
    <col min="1026" max="1026" width="2.5" style="3" bestFit="1" customWidth="1"/>
    <col min="1027" max="1027" width="2.25" style="3" customWidth="1"/>
    <col min="1028" max="1028" width="5.5" style="3" bestFit="1" customWidth="1"/>
    <col min="1029" max="1029" width="16.125" style="3" bestFit="1" customWidth="1"/>
    <col min="1030" max="1030" width="9" style="3"/>
    <col min="1031" max="1031" width="10.875" style="3" customWidth="1"/>
    <col min="1032" max="1032" width="15" style="3" bestFit="1" customWidth="1"/>
    <col min="1033" max="1034" width="11.625" style="3" bestFit="1" customWidth="1"/>
    <col min="1035" max="1280" width="9" style="3"/>
    <col min="1281" max="1281" width="2.375" style="3" customWidth="1"/>
    <col min="1282" max="1282" width="2.5" style="3" bestFit="1" customWidth="1"/>
    <col min="1283" max="1283" width="2.25" style="3" customWidth="1"/>
    <col min="1284" max="1284" width="5.5" style="3" bestFit="1" customWidth="1"/>
    <col min="1285" max="1285" width="16.125" style="3" bestFit="1" customWidth="1"/>
    <col min="1286" max="1286" width="9" style="3"/>
    <col min="1287" max="1287" width="10.875" style="3" customWidth="1"/>
    <col min="1288" max="1288" width="15" style="3" bestFit="1" customWidth="1"/>
    <col min="1289" max="1290" width="11.625" style="3" bestFit="1" customWidth="1"/>
    <col min="1291" max="1536" width="9" style="3"/>
    <col min="1537" max="1537" width="2.375" style="3" customWidth="1"/>
    <col min="1538" max="1538" width="2.5" style="3" bestFit="1" customWidth="1"/>
    <col min="1539" max="1539" width="2.25" style="3" customWidth="1"/>
    <col min="1540" max="1540" width="5.5" style="3" bestFit="1" customWidth="1"/>
    <col min="1541" max="1541" width="16.125" style="3" bestFit="1" customWidth="1"/>
    <col min="1542" max="1542" width="9" style="3"/>
    <col min="1543" max="1543" width="10.875" style="3" customWidth="1"/>
    <col min="1544" max="1544" width="15" style="3" bestFit="1" customWidth="1"/>
    <col min="1545" max="1546" width="11.625" style="3" bestFit="1" customWidth="1"/>
    <col min="1547" max="1792" width="9" style="3"/>
    <col min="1793" max="1793" width="2.375" style="3" customWidth="1"/>
    <col min="1794" max="1794" width="2.5" style="3" bestFit="1" customWidth="1"/>
    <col min="1795" max="1795" width="2.25" style="3" customWidth="1"/>
    <col min="1796" max="1796" width="5.5" style="3" bestFit="1" customWidth="1"/>
    <col min="1797" max="1797" width="16.125" style="3" bestFit="1" customWidth="1"/>
    <col min="1798" max="1798" width="9" style="3"/>
    <col min="1799" max="1799" width="10.875" style="3" customWidth="1"/>
    <col min="1800" max="1800" width="15" style="3" bestFit="1" customWidth="1"/>
    <col min="1801" max="1802" width="11.625" style="3" bestFit="1" customWidth="1"/>
    <col min="1803" max="2048" width="9" style="3"/>
    <col min="2049" max="2049" width="2.375" style="3" customWidth="1"/>
    <col min="2050" max="2050" width="2.5" style="3" bestFit="1" customWidth="1"/>
    <col min="2051" max="2051" width="2.25" style="3" customWidth="1"/>
    <col min="2052" max="2052" width="5.5" style="3" bestFit="1" customWidth="1"/>
    <col min="2053" max="2053" width="16.125" style="3" bestFit="1" customWidth="1"/>
    <col min="2054" max="2054" width="9" style="3"/>
    <col min="2055" max="2055" width="10.875" style="3" customWidth="1"/>
    <col min="2056" max="2056" width="15" style="3" bestFit="1" customWidth="1"/>
    <col min="2057" max="2058" width="11.625" style="3" bestFit="1" customWidth="1"/>
    <col min="2059" max="2304" width="9" style="3"/>
    <col min="2305" max="2305" width="2.375" style="3" customWidth="1"/>
    <col min="2306" max="2306" width="2.5" style="3" bestFit="1" customWidth="1"/>
    <col min="2307" max="2307" width="2.25" style="3" customWidth="1"/>
    <col min="2308" max="2308" width="5.5" style="3" bestFit="1" customWidth="1"/>
    <col min="2309" max="2309" width="16.125" style="3" bestFit="1" customWidth="1"/>
    <col min="2310" max="2310" width="9" style="3"/>
    <col min="2311" max="2311" width="10.875" style="3" customWidth="1"/>
    <col min="2312" max="2312" width="15" style="3" bestFit="1" customWidth="1"/>
    <col min="2313" max="2314" width="11.625" style="3" bestFit="1" customWidth="1"/>
    <col min="2315" max="2560" width="9" style="3"/>
    <col min="2561" max="2561" width="2.375" style="3" customWidth="1"/>
    <col min="2562" max="2562" width="2.5" style="3" bestFit="1" customWidth="1"/>
    <col min="2563" max="2563" width="2.25" style="3" customWidth="1"/>
    <col min="2564" max="2564" width="5.5" style="3" bestFit="1" customWidth="1"/>
    <col min="2565" max="2565" width="16.125" style="3" bestFit="1" customWidth="1"/>
    <col min="2566" max="2566" width="9" style="3"/>
    <col min="2567" max="2567" width="10.875" style="3" customWidth="1"/>
    <col min="2568" max="2568" width="15" style="3" bestFit="1" customWidth="1"/>
    <col min="2569" max="2570" width="11.625" style="3" bestFit="1" customWidth="1"/>
    <col min="2571" max="2816" width="9" style="3"/>
    <col min="2817" max="2817" width="2.375" style="3" customWidth="1"/>
    <col min="2818" max="2818" width="2.5" style="3" bestFit="1" customWidth="1"/>
    <col min="2819" max="2819" width="2.25" style="3" customWidth="1"/>
    <col min="2820" max="2820" width="5.5" style="3" bestFit="1" customWidth="1"/>
    <col min="2821" max="2821" width="16.125" style="3" bestFit="1" customWidth="1"/>
    <col min="2822" max="2822" width="9" style="3"/>
    <col min="2823" max="2823" width="10.875" style="3" customWidth="1"/>
    <col min="2824" max="2824" width="15" style="3" bestFit="1" customWidth="1"/>
    <col min="2825" max="2826" width="11.625" style="3" bestFit="1" customWidth="1"/>
    <col min="2827" max="3072" width="9" style="3"/>
    <col min="3073" max="3073" width="2.375" style="3" customWidth="1"/>
    <col min="3074" max="3074" width="2.5" style="3" bestFit="1" customWidth="1"/>
    <col min="3075" max="3075" width="2.25" style="3" customWidth="1"/>
    <col min="3076" max="3076" width="5.5" style="3" bestFit="1" customWidth="1"/>
    <col min="3077" max="3077" width="16.125" style="3" bestFit="1" customWidth="1"/>
    <col min="3078" max="3078" width="9" style="3"/>
    <col min="3079" max="3079" width="10.875" style="3" customWidth="1"/>
    <col min="3080" max="3080" width="15" style="3" bestFit="1" customWidth="1"/>
    <col min="3081" max="3082" width="11.625" style="3" bestFit="1" customWidth="1"/>
    <col min="3083" max="3328" width="9" style="3"/>
    <col min="3329" max="3329" width="2.375" style="3" customWidth="1"/>
    <col min="3330" max="3330" width="2.5" style="3" bestFit="1" customWidth="1"/>
    <col min="3331" max="3331" width="2.25" style="3" customWidth="1"/>
    <col min="3332" max="3332" width="5.5" style="3" bestFit="1" customWidth="1"/>
    <col min="3333" max="3333" width="16.125" style="3" bestFit="1" customWidth="1"/>
    <col min="3334" max="3334" width="9" style="3"/>
    <col min="3335" max="3335" width="10.875" style="3" customWidth="1"/>
    <col min="3336" max="3336" width="15" style="3" bestFit="1" customWidth="1"/>
    <col min="3337" max="3338" width="11.625" style="3" bestFit="1" customWidth="1"/>
    <col min="3339" max="3584" width="9" style="3"/>
    <col min="3585" max="3585" width="2.375" style="3" customWidth="1"/>
    <col min="3586" max="3586" width="2.5" style="3" bestFit="1" customWidth="1"/>
    <col min="3587" max="3587" width="2.25" style="3" customWidth="1"/>
    <col min="3588" max="3588" width="5.5" style="3" bestFit="1" customWidth="1"/>
    <col min="3589" max="3589" width="16.125" style="3" bestFit="1" customWidth="1"/>
    <col min="3590" max="3590" width="9" style="3"/>
    <col min="3591" max="3591" width="10.875" style="3" customWidth="1"/>
    <col min="3592" max="3592" width="15" style="3" bestFit="1" customWidth="1"/>
    <col min="3593" max="3594" width="11.625" style="3" bestFit="1" customWidth="1"/>
    <col min="3595" max="3840" width="9" style="3"/>
    <col min="3841" max="3841" width="2.375" style="3" customWidth="1"/>
    <col min="3842" max="3842" width="2.5" style="3" bestFit="1" customWidth="1"/>
    <col min="3843" max="3843" width="2.25" style="3" customWidth="1"/>
    <col min="3844" max="3844" width="5.5" style="3" bestFit="1" customWidth="1"/>
    <col min="3845" max="3845" width="16.125" style="3" bestFit="1" customWidth="1"/>
    <col min="3846" max="3846" width="9" style="3"/>
    <col min="3847" max="3847" width="10.875" style="3" customWidth="1"/>
    <col min="3848" max="3848" width="15" style="3" bestFit="1" customWidth="1"/>
    <col min="3849" max="3850" width="11.625" style="3" bestFit="1" customWidth="1"/>
    <col min="3851" max="4096" width="9" style="3"/>
    <col min="4097" max="4097" width="2.375" style="3" customWidth="1"/>
    <col min="4098" max="4098" width="2.5" style="3" bestFit="1" customWidth="1"/>
    <col min="4099" max="4099" width="2.25" style="3" customWidth="1"/>
    <col min="4100" max="4100" width="5.5" style="3" bestFit="1" customWidth="1"/>
    <col min="4101" max="4101" width="16.125" style="3" bestFit="1" customWidth="1"/>
    <col min="4102" max="4102" width="9" style="3"/>
    <col min="4103" max="4103" width="10.875" style="3" customWidth="1"/>
    <col min="4104" max="4104" width="15" style="3" bestFit="1" customWidth="1"/>
    <col min="4105" max="4106" width="11.625" style="3" bestFit="1" customWidth="1"/>
    <col min="4107" max="4352" width="9" style="3"/>
    <col min="4353" max="4353" width="2.375" style="3" customWidth="1"/>
    <col min="4354" max="4354" width="2.5" style="3" bestFit="1" customWidth="1"/>
    <col min="4355" max="4355" width="2.25" style="3" customWidth="1"/>
    <col min="4356" max="4356" width="5.5" style="3" bestFit="1" customWidth="1"/>
    <col min="4357" max="4357" width="16.125" style="3" bestFit="1" customWidth="1"/>
    <col min="4358" max="4358" width="9" style="3"/>
    <col min="4359" max="4359" width="10.875" style="3" customWidth="1"/>
    <col min="4360" max="4360" width="15" style="3" bestFit="1" customWidth="1"/>
    <col min="4361" max="4362" width="11.625" style="3" bestFit="1" customWidth="1"/>
    <col min="4363" max="4608" width="9" style="3"/>
    <col min="4609" max="4609" width="2.375" style="3" customWidth="1"/>
    <col min="4610" max="4610" width="2.5" style="3" bestFit="1" customWidth="1"/>
    <col min="4611" max="4611" width="2.25" style="3" customWidth="1"/>
    <col min="4612" max="4612" width="5.5" style="3" bestFit="1" customWidth="1"/>
    <col min="4613" max="4613" width="16.125" style="3" bestFit="1" customWidth="1"/>
    <col min="4614" max="4614" width="9" style="3"/>
    <col min="4615" max="4615" width="10.875" style="3" customWidth="1"/>
    <col min="4616" max="4616" width="15" style="3" bestFit="1" customWidth="1"/>
    <col min="4617" max="4618" width="11.625" style="3" bestFit="1" customWidth="1"/>
    <col min="4619" max="4864" width="9" style="3"/>
    <col min="4865" max="4865" width="2.375" style="3" customWidth="1"/>
    <col min="4866" max="4866" width="2.5" style="3" bestFit="1" customWidth="1"/>
    <col min="4867" max="4867" width="2.25" style="3" customWidth="1"/>
    <col min="4868" max="4868" width="5.5" style="3" bestFit="1" customWidth="1"/>
    <col min="4869" max="4869" width="16.125" style="3" bestFit="1" customWidth="1"/>
    <col min="4870" max="4870" width="9" style="3"/>
    <col min="4871" max="4871" width="10.875" style="3" customWidth="1"/>
    <col min="4872" max="4872" width="15" style="3" bestFit="1" customWidth="1"/>
    <col min="4873" max="4874" width="11.625" style="3" bestFit="1" customWidth="1"/>
    <col min="4875" max="5120" width="9" style="3"/>
    <col min="5121" max="5121" width="2.375" style="3" customWidth="1"/>
    <col min="5122" max="5122" width="2.5" style="3" bestFit="1" customWidth="1"/>
    <col min="5123" max="5123" width="2.25" style="3" customWidth="1"/>
    <col min="5124" max="5124" width="5.5" style="3" bestFit="1" customWidth="1"/>
    <col min="5125" max="5125" width="16.125" style="3" bestFit="1" customWidth="1"/>
    <col min="5126" max="5126" width="9" style="3"/>
    <col min="5127" max="5127" width="10.875" style="3" customWidth="1"/>
    <col min="5128" max="5128" width="15" style="3" bestFit="1" customWidth="1"/>
    <col min="5129" max="5130" width="11.625" style="3" bestFit="1" customWidth="1"/>
    <col min="5131" max="5376" width="9" style="3"/>
    <col min="5377" max="5377" width="2.375" style="3" customWidth="1"/>
    <col min="5378" max="5378" width="2.5" style="3" bestFit="1" customWidth="1"/>
    <col min="5379" max="5379" width="2.25" style="3" customWidth="1"/>
    <col min="5380" max="5380" width="5.5" style="3" bestFit="1" customWidth="1"/>
    <col min="5381" max="5381" width="16.125" style="3" bestFit="1" customWidth="1"/>
    <col min="5382" max="5382" width="9" style="3"/>
    <col min="5383" max="5383" width="10.875" style="3" customWidth="1"/>
    <col min="5384" max="5384" width="15" style="3" bestFit="1" customWidth="1"/>
    <col min="5385" max="5386" width="11.625" style="3" bestFit="1" customWidth="1"/>
    <col min="5387" max="5632" width="9" style="3"/>
    <col min="5633" max="5633" width="2.375" style="3" customWidth="1"/>
    <col min="5634" max="5634" width="2.5" style="3" bestFit="1" customWidth="1"/>
    <col min="5635" max="5635" width="2.25" style="3" customWidth="1"/>
    <col min="5636" max="5636" width="5.5" style="3" bestFit="1" customWidth="1"/>
    <col min="5637" max="5637" width="16.125" style="3" bestFit="1" customWidth="1"/>
    <col min="5638" max="5638" width="9" style="3"/>
    <col min="5639" max="5639" width="10.875" style="3" customWidth="1"/>
    <col min="5640" max="5640" width="15" style="3" bestFit="1" customWidth="1"/>
    <col min="5641" max="5642" width="11.625" style="3" bestFit="1" customWidth="1"/>
    <col min="5643" max="5888" width="9" style="3"/>
    <col min="5889" max="5889" width="2.375" style="3" customWidth="1"/>
    <col min="5890" max="5890" width="2.5" style="3" bestFit="1" customWidth="1"/>
    <col min="5891" max="5891" width="2.25" style="3" customWidth="1"/>
    <col min="5892" max="5892" width="5.5" style="3" bestFit="1" customWidth="1"/>
    <col min="5893" max="5893" width="16.125" style="3" bestFit="1" customWidth="1"/>
    <col min="5894" max="5894" width="9" style="3"/>
    <col min="5895" max="5895" width="10.875" style="3" customWidth="1"/>
    <col min="5896" max="5896" width="15" style="3" bestFit="1" customWidth="1"/>
    <col min="5897" max="5898" width="11.625" style="3" bestFit="1" customWidth="1"/>
    <col min="5899" max="6144" width="9" style="3"/>
    <col min="6145" max="6145" width="2.375" style="3" customWidth="1"/>
    <col min="6146" max="6146" width="2.5" style="3" bestFit="1" customWidth="1"/>
    <col min="6147" max="6147" width="2.25" style="3" customWidth="1"/>
    <col min="6148" max="6148" width="5.5" style="3" bestFit="1" customWidth="1"/>
    <col min="6149" max="6149" width="16.125" style="3" bestFit="1" customWidth="1"/>
    <col min="6150" max="6150" width="9" style="3"/>
    <col min="6151" max="6151" width="10.875" style="3" customWidth="1"/>
    <col min="6152" max="6152" width="15" style="3" bestFit="1" customWidth="1"/>
    <col min="6153" max="6154" width="11.625" style="3" bestFit="1" customWidth="1"/>
    <col min="6155" max="6400" width="9" style="3"/>
    <col min="6401" max="6401" width="2.375" style="3" customWidth="1"/>
    <col min="6402" max="6402" width="2.5" style="3" bestFit="1" customWidth="1"/>
    <col min="6403" max="6403" width="2.25" style="3" customWidth="1"/>
    <col min="6404" max="6404" width="5.5" style="3" bestFit="1" customWidth="1"/>
    <col min="6405" max="6405" width="16.125" style="3" bestFit="1" customWidth="1"/>
    <col min="6406" max="6406" width="9" style="3"/>
    <col min="6407" max="6407" width="10.875" style="3" customWidth="1"/>
    <col min="6408" max="6408" width="15" style="3" bestFit="1" customWidth="1"/>
    <col min="6409" max="6410" width="11.625" style="3" bestFit="1" customWidth="1"/>
    <col min="6411" max="6656" width="9" style="3"/>
    <col min="6657" max="6657" width="2.375" style="3" customWidth="1"/>
    <col min="6658" max="6658" width="2.5" style="3" bestFit="1" customWidth="1"/>
    <col min="6659" max="6659" width="2.25" style="3" customWidth="1"/>
    <col min="6660" max="6660" width="5.5" style="3" bestFit="1" customWidth="1"/>
    <col min="6661" max="6661" width="16.125" style="3" bestFit="1" customWidth="1"/>
    <col min="6662" max="6662" width="9" style="3"/>
    <col min="6663" max="6663" width="10.875" style="3" customWidth="1"/>
    <col min="6664" max="6664" width="15" style="3" bestFit="1" customWidth="1"/>
    <col min="6665" max="6666" width="11.625" style="3" bestFit="1" customWidth="1"/>
    <col min="6667" max="6912" width="9" style="3"/>
    <col min="6913" max="6913" width="2.375" style="3" customWidth="1"/>
    <col min="6914" max="6914" width="2.5" style="3" bestFit="1" customWidth="1"/>
    <col min="6915" max="6915" width="2.25" style="3" customWidth="1"/>
    <col min="6916" max="6916" width="5.5" style="3" bestFit="1" customWidth="1"/>
    <col min="6917" max="6917" width="16.125" style="3" bestFit="1" customWidth="1"/>
    <col min="6918" max="6918" width="9" style="3"/>
    <col min="6919" max="6919" width="10.875" style="3" customWidth="1"/>
    <col min="6920" max="6920" width="15" style="3" bestFit="1" customWidth="1"/>
    <col min="6921" max="6922" width="11.625" style="3" bestFit="1" customWidth="1"/>
    <col min="6923" max="7168" width="9" style="3"/>
    <col min="7169" max="7169" width="2.375" style="3" customWidth="1"/>
    <col min="7170" max="7170" width="2.5" style="3" bestFit="1" customWidth="1"/>
    <col min="7171" max="7171" width="2.25" style="3" customWidth="1"/>
    <col min="7172" max="7172" width="5.5" style="3" bestFit="1" customWidth="1"/>
    <col min="7173" max="7173" width="16.125" style="3" bestFit="1" customWidth="1"/>
    <col min="7174" max="7174" width="9" style="3"/>
    <col min="7175" max="7175" width="10.875" style="3" customWidth="1"/>
    <col min="7176" max="7176" width="15" style="3" bestFit="1" customWidth="1"/>
    <col min="7177" max="7178" width="11.625" style="3" bestFit="1" customWidth="1"/>
    <col min="7179" max="7424" width="9" style="3"/>
    <col min="7425" max="7425" width="2.375" style="3" customWidth="1"/>
    <col min="7426" max="7426" width="2.5" style="3" bestFit="1" customWidth="1"/>
    <col min="7427" max="7427" width="2.25" style="3" customWidth="1"/>
    <col min="7428" max="7428" width="5.5" style="3" bestFit="1" customWidth="1"/>
    <col min="7429" max="7429" width="16.125" style="3" bestFit="1" customWidth="1"/>
    <col min="7430" max="7430" width="9" style="3"/>
    <col min="7431" max="7431" width="10.875" style="3" customWidth="1"/>
    <col min="7432" max="7432" width="15" style="3" bestFit="1" customWidth="1"/>
    <col min="7433" max="7434" width="11.625" style="3" bestFit="1" customWidth="1"/>
    <col min="7435" max="7680" width="9" style="3"/>
    <col min="7681" max="7681" width="2.375" style="3" customWidth="1"/>
    <col min="7682" max="7682" width="2.5" style="3" bestFit="1" customWidth="1"/>
    <col min="7683" max="7683" width="2.25" style="3" customWidth="1"/>
    <col min="7684" max="7684" width="5.5" style="3" bestFit="1" customWidth="1"/>
    <col min="7685" max="7685" width="16.125" style="3" bestFit="1" customWidth="1"/>
    <col min="7686" max="7686" width="9" style="3"/>
    <col min="7687" max="7687" width="10.875" style="3" customWidth="1"/>
    <col min="7688" max="7688" width="15" style="3" bestFit="1" customWidth="1"/>
    <col min="7689" max="7690" width="11.625" style="3" bestFit="1" customWidth="1"/>
    <col min="7691" max="7936" width="9" style="3"/>
    <col min="7937" max="7937" width="2.375" style="3" customWidth="1"/>
    <col min="7938" max="7938" width="2.5" style="3" bestFit="1" customWidth="1"/>
    <col min="7939" max="7939" width="2.25" style="3" customWidth="1"/>
    <col min="7940" max="7940" width="5.5" style="3" bestFit="1" customWidth="1"/>
    <col min="7941" max="7941" width="16.125" style="3" bestFit="1" customWidth="1"/>
    <col min="7942" max="7942" width="9" style="3"/>
    <col min="7943" max="7943" width="10.875" style="3" customWidth="1"/>
    <col min="7944" max="7944" width="15" style="3" bestFit="1" customWidth="1"/>
    <col min="7945" max="7946" width="11.625" style="3" bestFit="1" customWidth="1"/>
    <col min="7947" max="8192" width="9" style="3"/>
    <col min="8193" max="8193" width="2.375" style="3" customWidth="1"/>
    <col min="8194" max="8194" width="2.5" style="3" bestFit="1" customWidth="1"/>
    <col min="8195" max="8195" width="2.25" style="3" customWidth="1"/>
    <col min="8196" max="8196" width="5.5" style="3" bestFit="1" customWidth="1"/>
    <col min="8197" max="8197" width="16.125" style="3" bestFit="1" customWidth="1"/>
    <col min="8198" max="8198" width="9" style="3"/>
    <col min="8199" max="8199" width="10.875" style="3" customWidth="1"/>
    <col min="8200" max="8200" width="15" style="3" bestFit="1" customWidth="1"/>
    <col min="8201" max="8202" width="11.625" style="3" bestFit="1" customWidth="1"/>
    <col min="8203" max="8448" width="9" style="3"/>
    <col min="8449" max="8449" width="2.375" style="3" customWidth="1"/>
    <col min="8450" max="8450" width="2.5" style="3" bestFit="1" customWidth="1"/>
    <col min="8451" max="8451" width="2.25" style="3" customWidth="1"/>
    <col min="8452" max="8452" width="5.5" style="3" bestFit="1" customWidth="1"/>
    <col min="8453" max="8453" width="16.125" style="3" bestFit="1" customWidth="1"/>
    <col min="8454" max="8454" width="9" style="3"/>
    <col min="8455" max="8455" width="10.875" style="3" customWidth="1"/>
    <col min="8456" max="8456" width="15" style="3" bestFit="1" customWidth="1"/>
    <col min="8457" max="8458" width="11.625" style="3" bestFit="1" customWidth="1"/>
    <col min="8459" max="8704" width="9" style="3"/>
    <col min="8705" max="8705" width="2.375" style="3" customWidth="1"/>
    <col min="8706" max="8706" width="2.5" style="3" bestFit="1" customWidth="1"/>
    <col min="8707" max="8707" width="2.25" style="3" customWidth="1"/>
    <col min="8708" max="8708" width="5.5" style="3" bestFit="1" customWidth="1"/>
    <col min="8709" max="8709" width="16.125" style="3" bestFit="1" customWidth="1"/>
    <col min="8710" max="8710" width="9" style="3"/>
    <col min="8711" max="8711" width="10.875" style="3" customWidth="1"/>
    <col min="8712" max="8712" width="15" style="3" bestFit="1" customWidth="1"/>
    <col min="8713" max="8714" width="11.625" style="3" bestFit="1" customWidth="1"/>
    <col min="8715" max="8960" width="9" style="3"/>
    <col min="8961" max="8961" width="2.375" style="3" customWidth="1"/>
    <col min="8962" max="8962" width="2.5" style="3" bestFit="1" customWidth="1"/>
    <col min="8963" max="8963" width="2.25" style="3" customWidth="1"/>
    <col min="8964" max="8964" width="5.5" style="3" bestFit="1" customWidth="1"/>
    <col min="8965" max="8965" width="16.125" style="3" bestFit="1" customWidth="1"/>
    <col min="8966" max="8966" width="9" style="3"/>
    <col min="8967" max="8967" width="10.875" style="3" customWidth="1"/>
    <col min="8968" max="8968" width="15" style="3" bestFit="1" customWidth="1"/>
    <col min="8969" max="8970" width="11.625" style="3" bestFit="1" customWidth="1"/>
    <col min="8971" max="9216" width="9" style="3"/>
    <col min="9217" max="9217" width="2.375" style="3" customWidth="1"/>
    <col min="9218" max="9218" width="2.5" style="3" bestFit="1" customWidth="1"/>
    <col min="9219" max="9219" width="2.25" style="3" customWidth="1"/>
    <col min="9220" max="9220" width="5.5" style="3" bestFit="1" customWidth="1"/>
    <col min="9221" max="9221" width="16.125" style="3" bestFit="1" customWidth="1"/>
    <col min="9222" max="9222" width="9" style="3"/>
    <col min="9223" max="9223" width="10.875" style="3" customWidth="1"/>
    <col min="9224" max="9224" width="15" style="3" bestFit="1" customWidth="1"/>
    <col min="9225" max="9226" width="11.625" style="3" bestFit="1" customWidth="1"/>
    <col min="9227" max="9472" width="9" style="3"/>
    <col min="9473" max="9473" width="2.375" style="3" customWidth="1"/>
    <col min="9474" max="9474" width="2.5" style="3" bestFit="1" customWidth="1"/>
    <col min="9475" max="9475" width="2.25" style="3" customWidth="1"/>
    <col min="9476" max="9476" width="5.5" style="3" bestFit="1" customWidth="1"/>
    <col min="9477" max="9477" width="16.125" style="3" bestFit="1" customWidth="1"/>
    <col min="9478" max="9478" width="9" style="3"/>
    <col min="9479" max="9479" width="10.875" style="3" customWidth="1"/>
    <col min="9480" max="9480" width="15" style="3" bestFit="1" customWidth="1"/>
    <col min="9481" max="9482" width="11.625" style="3" bestFit="1" customWidth="1"/>
    <col min="9483" max="9728" width="9" style="3"/>
    <col min="9729" max="9729" width="2.375" style="3" customWidth="1"/>
    <col min="9730" max="9730" width="2.5" style="3" bestFit="1" customWidth="1"/>
    <col min="9731" max="9731" width="2.25" style="3" customWidth="1"/>
    <col min="9732" max="9732" width="5.5" style="3" bestFit="1" customWidth="1"/>
    <col min="9733" max="9733" width="16.125" style="3" bestFit="1" customWidth="1"/>
    <col min="9734" max="9734" width="9" style="3"/>
    <col min="9735" max="9735" width="10.875" style="3" customWidth="1"/>
    <col min="9736" max="9736" width="15" style="3" bestFit="1" customWidth="1"/>
    <col min="9737" max="9738" width="11.625" style="3" bestFit="1" customWidth="1"/>
    <col min="9739" max="9984" width="9" style="3"/>
    <col min="9985" max="9985" width="2.375" style="3" customWidth="1"/>
    <col min="9986" max="9986" width="2.5" style="3" bestFit="1" customWidth="1"/>
    <col min="9987" max="9987" width="2.25" style="3" customWidth="1"/>
    <col min="9988" max="9988" width="5.5" style="3" bestFit="1" customWidth="1"/>
    <col min="9989" max="9989" width="16.125" style="3" bestFit="1" customWidth="1"/>
    <col min="9990" max="9990" width="9" style="3"/>
    <col min="9991" max="9991" width="10.875" style="3" customWidth="1"/>
    <col min="9992" max="9992" width="15" style="3" bestFit="1" customWidth="1"/>
    <col min="9993" max="9994" width="11.625" style="3" bestFit="1" customWidth="1"/>
    <col min="9995" max="10240" width="9" style="3"/>
    <col min="10241" max="10241" width="2.375" style="3" customWidth="1"/>
    <col min="10242" max="10242" width="2.5" style="3" bestFit="1" customWidth="1"/>
    <col min="10243" max="10243" width="2.25" style="3" customWidth="1"/>
    <col min="10244" max="10244" width="5.5" style="3" bestFit="1" customWidth="1"/>
    <col min="10245" max="10245" width="16.125" style="3" bestFit="1" customWidth="1"/>
    <col min="10246" max="10246" width="9" style="3"/>
    <col min="10247" max="10247" width="10.875" style="3" customWidth="1"/>
    <col min="10248" max="10248" width="15" style="3" bestFit="1" customWidth="1"/>
    <col min="10249" max="10250" width="11.625" style="3" bestFit="1" customWidth="1"/>
    <col min="10251" max="10496" width="9" style="3"/>
    <col min="10497" max="10497" width="2.375" style="3" customWidth="1"/>
    <col min="10498" max="10498" width="2.5" style="3" bestFit="1" customWidth="1"/>
    <col min="10499" max="10499" width="2.25" style="3" customWidth="1"/>
    <col min="10500" max="10500" width="5.5" style="3" bestFit="1" customWidth="1"/>
    <col min="10501" max="10501" width="16.125" style="3" bestFit="1" customWidth="1"/>
    <col min="10502" max="10502" width="9" style="3"/>
    <col min="10503" max="10503" width="10.875" style="3" customWidth="1"/>
    <col min="10504" max="10504" width="15" style="3" bestFit="1" customWidth="1"/>
    <col min="10505" max="10506" width="11.625" style="3" bestFit="1" customWidth="1"/>
    <col min="10507" max="10752" width="9" style="3"/>
    <col min="10753" max="10753" width="2.375" style="3" customWidth="1"/>
    <col min="10754" max="10754" width="2.5" style="3" bestFit="1" customWidth="1"/>
    <col min="10755" max="10755" width="2.25" style="3" customWidth="1"/>
    <col min="10756" max="10756" width="5.5" style="3" bestFit="1" customWidth="1"/>
    <col min="10757" max="10757" width="16.125" style="3" bestFit="1" customWidth="1"/>
    <col min="10758" max="10758" width="9" style="3"/>
    <col min="10759" max="10759" width="10.875" style="3" customWidth="1"/>
    <col min="10760" max="10760" width="15" style="3" bestFit="1" customWidth="1"/>
    <col min="10761" max="10762" width="11.625" style="3" bestFit="1" customWidth="1"/>
    <col min="10763" max="11008" width="9" style="3"/>
    <col min="11009" max="11009" width="2.375" style="3" customWidth="1"/>
    <col min="11010" max="11010" width="2.5" style="3" bestFit="1" customWidth="1"/>
    <col min="11011" max="11011" width="2.25" style="3" customWidth="1"/>
    <col min="11012" max="11012" width="5.5" style="3" bestFit="1" customWidth="1"/>
    <col min="11013" max="11013" width="16.125" style="3" bestFit="1" customWidth="1"/>
    <col min="11014" max="11014" width="9" style="3"/>
    <col min="11015" max="11015" width="10.875" style="3" customWidth="1"/>
    <col min="11016" max="11016" width="15" style="3" bestFit="1" customWidth="1"/>
    <col min="11017" max="11018" width="11.625" style="3" bestFit="1" customWidth="1"/>
    <col min="11019" max="11264" width="9" style="3"/>
    <col min="11265" max="11265" width="2.375" style="3" customWidth="1"/>
    <col min="11266" max="11266" width="2.5" style="3" bestFit="1" customWidth="1"/>
    <col min="11267" max="11267" width="2.25" style="3" customWidth="1"/>
    <col min="11268" max="11268" width="5.5" style="3" bestFit="1" customWidth="1"/>
    <col min="11269" max="11269" width="16.125" style="3" bestFit="1" customWidth="1"/>
    <col min="11270" max="11270" width="9" style="3"/>
    <col min="11271" max="11271" width="10.875" style="3" customWidth="1"/>
    <col min="11272" max="11272" width="15" style="3" bestFit="1" customWidth="1"/>
    <col min="11273" max="11274" width="11.625" style="3" bestFit="1" customWidth="1"/>
    <col min="11275" max="11520" width="9" style="3"/>
    <col min="11521" max="11521" width="2.375" style="3" customWidth="1"/>
    <col min="11522" max="11522" width="2.5" style="3" bestFit="1" customWidth="1"/>
    <col min="11523" max="11523" width="2.25" style="3" customWidth="1"/>
    <col min="11524" max="11524" width="5.5" style="3" bestFit="1" customWidth="1"/>
    <col min="11525" max="11525" width="16.125" style="3" bestFit="1" customWidth="1"/>
    <col min="11526" max="11526" width="9" style="3"/>
    <col min="11527" max="11527" width="10.875" style="3" customWidth="1"/>
    <col min="11528" max="11528" width="15" style="3" bestFit="1" customWidth="1"/>
    <col min="11529" max="11530" width="11.625" style="3" bestFit="1" customWidth="1"/>
    <col min="11531" max="11776" width="9" style="3"/>
    <col min="11777" max="11777" width="2.375" style="3" customWidth="1"/>
    <col min="11778" max="11778" width="2.5" style="3" bestFit="1" customWidth="1"/>
    <col min="11779" max="11779" width="2.25" style="3" customWidth="1"/>
    <col min="11780" max="11780" width="5.5" style="3" bestFit="1" customWidth="1"/>
    <col min="11781" max="11781" width="16.125" style="3" bestFit="1" customWidth="1"/>
    <col min="11782" max="11782" width="9" style="3"/>
    <col min="11783" max="11783" width="10.875" style="3" customWidth="1"/>
    <col min="11784" max="11784" width="15" style="3" bestFit="1" customWidth="1"/>
    <col min="11785" max="11786" width="11.625" style="3" bestFit="1" customWidth="1"/>
    <col min="11787" max="12032" width="9" style="3"/>
    <col min="12033" max="12033" width="2.375" style="3" customWidth="1"/>
    <col min="12034" max="12034" width="2.5" style="3" bestFit="1" customWidth="1"/>
    <col min="12035" max="12035" width="2.25" style="3" customWidth="1"/>
    <col min="12036" max="12036" width="5.5" style="3" bestFit="1" customWidth="1"/>
    <col min="12037" max="12037" width="16.125" style="3" bestFit="1" customWidth="1"/>
    <col min="12038" max="12038" width="9" style="3"/>
    <col min="12039" max="12039" width="10.875" style="3" customWidth="1"/>
    <col min="12040" max="12040" width="15" style="3" bestFit="1" customWidth="1"/>
    <col min="12041" max="12042" width="11.625" style="3" bestFit="1" customWidth="1"/>
    <col min="12043" max="12288" width="9" style="3"/>
    <col min="12289" max="12289" width="2.375" style="3" customWidth="1"/>
    <col min="12290" max="12290" width="2.5" style="3" bestFit="1" customWidth="1"/>
    <col min="12291" max="12291" width="2.25" style="3" customWidth="1"/>
    <col min="12292" max="12292" width="5.5" style="3" bestFit="1" customWidth="1"/>
    <col min="12293" max="12293" width="16.125" style="3" bestFit="1" customWidth="1"/>
    <col min="12294" max="12294" width="9" style="3"/>
    <col min="12295" max="12295" width="10.875" style="3" customWidth="1"/>
    <col min="12296" max="12296" width="15" style="3" bestFit="1" customWidth="1"/>
    <col min="12297" max="12298" width="11.625" style="3" bestFit="1" customWidth="1"/>
    <col min="12299" max="12544" width="9" style="3"/>
    <col min="12545" max="12545" width="2.375" style="3" customWidth="1"/>
    <col min="12546" max="12546" width="2.5" style="3" bestFit="1" customWidth="1"/>
    <col min="12547" max="12547" width="2.25" style="3" customWidth="1"/>
    <col min="12548" max="12548" width="5.5" style="3" bestFit="1" customWidth="1"/>
    <col min="12549" max="12549" width="16.125" style="3" bestFit="1" customWidth="1"/>
    <col min="12550" max="12550" width="9" style="3"/>
    <col min="12551" max="12551" width="10.875" style="3" customWidth="1"/>
    <col min="12552" max="12552" width="15" style="3" bestFit="1" customWidth="1"/>
    <col min="12553" max="12554" width="11.625" style="3" bestFit="1" customWidth="1"/>
    <col min="12555" max="12800" width="9" style="3"/>
    <col min="12801" max="12801" width="2.375" style="3" customWidth="1"/>
    <col min="12802" max="12802" width="2.5" style="3" bestFit="1" customWidth="1"/>
    <col min="12803" max="12803" width="2.25" style="3" customWidth="1"/>
    <col min="12804" max="12804" width="5.5" style="3" bestFit="1" customWidth="1"/>
    <col min="12805" max="12805" width="16.125" style="3" bestFit="1" customWidth="1"/>
    <col min="12806" max="12806" width="9" style="3"/>
    <col min="12807" max="12807" width="10.875" style="3" customWidth="1"/>
    <col min="12808" max="12808" width="15" style="3" bestFit="1" customWidth="1"/>
    <col min="12809" max="12810" width="11.625" style="3" bestFit="1" customWidth="1"/>
    <col min="12811" max="13056" width="9" style="3"/>
    <col min="13057" max="13057" width="2.375" style="3" customWidth="1"/>
    <col min="13058" max="13058" width="2.5" style="3" bestFit="1" customWidth="1"/>
    <col min="13059" max="13059" width="2.25" style="3" customWidth="1"/>
    <col min="13060" max="13060" width="5.5" style="3" bestFit="1" customWidth="1"/>
    <col min="13061" max="13061" width="16.125" style="3" bestFit="1" customWidth="1"/>
    <col min="13062" max="13062" width="9" style="3"/>
    <col min="13063" max="13063" width="10.875" style="3" customWidth="1"/>
    <col min="13064" max="13064" width="15" style="3" bestFit="1" customWidth="1"/>
    <col min="13065" max="13066" width="11.625" style="3" bestFit="1" customWidth="1"/>
    <col min="13067" max="13312" width="9" style="3"/>
    <col min="13313" max="13313" width="2.375" style="3" customWidth="1"/>
    <col min="13314" max="13314" width="2.5" style="3" bestFit="1" customWidth="1"/>
    <col min="13315" max="13315" width="2.25" style="3" customWidth="1"/>
    <col min="13316" max="13316" width="5.5" style="3" bestFit="1" customWidth="1"/>
    <col min="13317" max="13317" width="16.125" style="3" bestFit="1" customWidth="1"/>
    <col min="13318" max="13318" width="9" style="3"/>
    <col min="13319" max="13319" width="10.875" style="3" customWidth="1"/>
    <col min="13320" max="13320" width="15" style="3" bestFit="1" customWidth="1"/>
    <col min="13321" max="13322" width="11.625" style="3" bestFit="1" customWidth="1"/>
    <col min="13323" max="13568" width="9" style="3"/>
    <col min="13569" max="13569" width="2.375" style="3" customWidth="1"/>
    <col min="13570" max="13570" width="2.5" style="3" bestFit="1" customWidth="1"/>
    <col min="13571" max="13571" width="2.25" style="3" customWidth="1"/>
    <col min="13572" max="13572" width="5.5" style="3" bestFit="1" customWidth="1"/>
    <col min="13573" max="13573" width="16.125" style="3" bestFit="1" customWidth="1"/>
    <col min="13574" max="13574" width="9" style="3"/>
    <col min="13575" max="13575" width="10.875" style="3" customWidth="1"/>
    <col min="13576" max="13576" width="15" style="3" bestFit="1" customWidth="1"/>
    <col min="13577" max="13578" width="11.625" style="3" bestFit="1" customWidth="1"/>
    <col min="13579" max="13824" width="9" style="3"/>
    <col min="13825" max="13825" width="2.375" style="3" customWidth="1"/>
    <col min="13826" max="13826" width="2.5" style="3" bestFit="1" customWidth="1"/>
    <col min="13827" max="13827" width="2.25" style="3" customWidth="1"/>
    <col min="13828" max="13828" width="5.5" style="3" bestFit="1" customWidth="1"/>
    <col min="13829" max="13829" width="16.125" style="3" bestFit="1" customWidth="1"/>
    <col min="13830" max="13830" width="9" style="3"/>
    <col min="13831" max="13831" width="10.875" style="3" customWidth="1"/>
    <col min="13832" max="13832" width="15" style="3" bestFit="1" customWidth="1"/>
    <col min="13833" max="13834" width="11.625" style="3" bestFit="1" customWidth="1"/>
    <col min="13835" max="14080" width="9" style="3"/>
    <col min="14081" max="14081" width="2.375" style="3" customWidth="1"/>
    <col min="14082" max="14082" width="2.5" style="3" bestFit="1" customWidth="1"/>
    <col min="14083" max="14083" width="2.25" style="3" customWidth="1"/>
    <col min="14084" max="14084" width="5.5" style="3" bestFit="1" customWidth="1"/>
    <col min="14085" max="14085" width="16.125" style="3" bestFit="1" customWidth="1"/>
    <col min="14086" max="14086" width="9" style="3"/>
    <col min="14087" max="14087" width="10.875" style="3" customWidth="1"/>
    <col min="14088" max="14088" width="15" style="3" bestFit="1" customWidth="1"/>
    <col min="14089" max="14090" width="11.625" style="3" bestFit="1" customWidth="1"/>
    <col min="14091" max="14336" width="9" style="3"/>
    <col min="14337" max="14337" width="2.375" style="3" customWidth="1"/>
    <col min="14338" max="14338" width="2.5" style="3" bestFit="1" customWidth="1"/>
    <col min="14339" max="14339" width="2.25" style="3" customWidth="1"/>
    <col min="14340" max="14340" width="5.5" style="3" bestFit="1" customWidth="1"/>
    <col min="14341" max="14341" width="16.125" style="3" bestFit="1" customWidth="1"/>
    <col min="14342" max="14342" width="9" style="3"/>
    <col min="14343" max="14343" width="10.875" style="3" customWidth="1"/>
    <col min="14344" max="14344" width="15" style="3" bestFit="1" customWidth="1"/>
    <col min="14345" max="14346" width="11.625" style="3" bestFit="1" customWidth="1"/>
    <col min="14347" max="14592" width="9" style="3"/>
    <col min="14593" max="14593" width="2.375" style="3" customWidth="1"/>
    <col min="14594" max="14594" width="2.5" style="3" bestFit="1" customWidth="1"/>
    <col min="14595" max="14595" width="2.25" style="3" customWidth="1"/>
    <col min="14596" max="14596" width="5.5" style="3" bestFit="1" customWidth="1"/>
    <col min="14597" max="14597" width="16.125" style="3" bestFit="1" customWidth="1"/>
    <col min="14598" max="14598" width="9" style="3"/>
    <col min="14599" max="14599" width="10.875" style="3" customWidth="1"/>
    <col min="14600" max="14600" width="15" style="3" bestFit="1" customWidth="1"/>
    <col min="14601" max="14602" width="11.625" style="3" bestFit="1" customWidth="1"/>
    <col min="14603" max="14848" width="9" style="3"/>
    <col min="14849" max="14849" width="2.375" style="3" customWidth="1"/>
    <col min="14850" max="14850" width="2.5" style="3" bestFit="1" customWidth="1"/>
    <col min="14851" max="14851" width="2.25" style="3" customWidth="1"/>
    <col min="14852" max="14852" width="5.5" style="3" bestFit="1" customWidth="1"/>
    <col min="14853" max="14853" width="16.125" style="3" bestFit="1" customWidth="1"/>
    <col min="14854" max="14854" width="9" style="3"/>
    <col min="14855" max="14855" width="10.875" style="3" customWidth="1"/>
    <col min="14856" max="14856" width="15" style="3" bestFit="1" customWidth="1"/>
    <col min="14857" max="14858" width="11.625" style="3" bestFit="1" customWidth="1"/>
    <col min="14859" max="15104" width="9" style="3"/>
    <col min="15105" max="15105" width="2.375" style="3" customWidth="1"/>
    <col min="15106" max="15106" width="2.5" style="3" bestFit="1" customWidth="1"/>
    <col min="15107" max="15107" width="2.25" style="3" customWidth="1"/>
    <col min="15108" max="15108" width="5.5" style="3" bestFit="1" customWidth="1"/>
    <col min="15109" max="15109" width="16.125" style="3" bestFit="1" customWidth="1"/>
    <col min="15110" max="15110" width="9" style="3"/>
    <col min="15111" max="15111" width="10.875" style="3" customWidth="1"/>
    <col min="15112" max="15112" width="15" style="3" bestFit="1" customWidth="1"/>
    <col min="15113" max="15114" width="11.625" style="3" bestFit="1" customWidth="1"/>
    <col min="15115" max="15360" width="9" style="3"/>
    <col min="15361" max="15361" width="2.375" style="3" customWidth="1"/>
    <col min="15362" max="15362" width="2.5" style="3" bestFit="1" customWidth="1"/>
    <col min="15363" max="15363" width="2.25" style="3" customWidth="1"/>
    <col min="15364" max="15364" width="5.5" style="3" bestFit="1" customWidth="1"/>
    <col min="15365" max="15365" width="16.125" style="3" bestFit="1" customWidth="1"/>
    <col min="15366" max="15366" width="9" style="3"/>
    <col min="15367" max="15367" width="10.875" style="3" customWidth="1"/>
    <col min="15368" max="15368" width="15" style="3" bestFit="1" customWidth="1"/>
    <col min="15369" max="15370" width="11.625" style="3" bestFit="1" customWidth="1"/>
    <col min="15371" max="15616" width="9" style="3"/>
    <col min="15617" max="15617" width="2.375" style="3" customWidth="1"/>
    <col min="15618" max="15618" width="2.5" style="3" bestFit="1" customWidth="1"/>
    <col min="15619" max="15619" width="2.25" style="3" customWidth="1"/>
    <col min="15620" max="15620" width="5.5" style="3" bestFit="1" customWidth="1"/>
    <col min="15621" max="15621" width="16.125" style="3" bestFit="1" customWidth="1"/>
    <col min="15622" max="15622" width="9" style="3"/>
    <col min="15623" max="15623" width="10.875" style="3" customWidth="1"/>
    <col min="15624" max="15624" width="15" style="3" bestFit="1" customWidth="1"/>
    <col min="15625" max="15626" width="11.625" style="3" bestFit="1" customWidth="1"/>
    <col min="15627" max="15872" width="9" style="3"/>
    <col min="15873" max="15873" width="2.375" style="3" customWidth="1"/>
    <col min="15874" max="15874" width="2.5" style="3" bestFit="1" customWidth="1"/>
    <col min="15875" max="15875" width="2.25" style="3" customWidth="1"/>
    <col min="15876" max="15876" width="5.5" style="3" bestFit="1" customWidth="1"/>
    <col min="15877" max="15877" width="16.125" style="3" bestFit="1" customWidth="1"/>
    <col min="15878" max="15878" width="9" style="3"/>
    <col min="15879" max="15879" width="10.875" style="3" customWidth="1"/>
    <col min="15880" max="15880" width="15" style="3" bestFit="1" customWidth="1"/>
    <col min="15881" max="15882" width="11.625" style="3" bestFit="1" customWidth="1"/>
    <col min="15883" max="16128" width="9" style="3"/>
    <col min="16129" max="16129" width="2.375" style="3" customWidth="1"/>
    <col min="16130" max="16130" width="2.5" style="3" bestFit="1" customWidth="1"/>
    <col min="16131" max="16131" width="2.25" style="3" customWidth="1"/>
    <col min="16132" max="16132" width="5.5" style="3" bestFit="1" customWidth="1"/>
    <col min="16133" max="16133" width="16.125" style="3" bestFit="1" customWidth="1"/>
    <col min="16134" max="16134" width="9" style="3"/>
    <col min="16135" max="16135" width="10.875" style="3" customWidth="1"/>
    <col min="16136" max="16136" width="15" style="3" bestFit="1" customWidth="1"/>
    <col min="16137" max="16138" width="11.625" style="3" bestFit="1" customWidth="1"/>
    <col min="16139" max="16384" width="9" style="3"/>
  </cols>
  <sheetData>
    <row r="5" spans="1:10" ht="18" customHeight="1" x14ac:dyDescent="0.15">
      <c r="A5" s="1" t="s">
        <v>56</v>
      </c>
      <c r="I5" s="79"/>
      <c r="J5" s="62"/>
    </row>
    <row r="6" spans="1:10" ht="18" customHeight="1" x14ac:dyDescent="0.15"/>
    <row r="7" spans="1:10" ht="18" customHeight="1" x14ac:dyDescent="0.15"/>
    <row r="8" spans="1:10" ht="18" customHeight="1" x14ac:dyDescent="0.15">
      <c r="B8" s="8">
        <v>1</v>
      </c>
      <c r="C8" s="3" t="s">
        <v>44</v>
      </c>
    </row>
    <row r="9" spans="1:10" ht="18" customHeight="1" x14ac:dyDescent="0.15">
      <c r="D9" s="72"/>
    </row>
    <row r="10" spans="1:10" ht="18" customHeight="1" x14ac:dyDescent="0.15"/>
    <row r="11" spans="1:10" ht="18" customHeight="1" x14ac:dyDescent="0.15">
      <c r="B11" s="8">
        <v>2</v>
      </c>
      <c r="C11" s="3" t="s">
        <v>45</v>
      </c>
    </row>
    <row r="12" spans="1:10" ht="18" customHeight="1" x14ac:dyDescent="0.15">
      <c r="D12" s="72"/>
    </row>
    <row r="13" spans="1:10" ht="18" customHeight="1" x14ac:dyDescent="0.15"/>
    <row r="14" spans="1:10" ht="18" customHeight="1" x14ac:dyDescent="0.15">
      <c r="B14" s="8">
        <v>3</v>
      </c>
      <c r="C14" s="3" t="s">
        <v>46</v>
      </c>
    </row>
    <row r="15" spans="1:10" ht="18" customHeight="1" x14ac:dyDescent="0.15">
      <c r="D15" s="72"/>
    </row>
    <row r="16" spans="1:10" ht="18" customHeight="1" x14ac:dyDescent="0.15"/>
    <row r="17" spans="2:9" ht="18" customHeight="1" x14ac:dyDescent="0.15">
      <c r="B17" s="8">
        <v>4</v>
      </c>
      <c r="C17" s="3" t="s">
        <v>4</v>
      </c>
    </row>
    <row r="18" spans="2:9" ht="18" customHeight="1" x14ac:dyDescent="0.15">
      <c r="D18" s="3" t="s">
        <v>47</v>
      </c>
    </row>
    <row r="19" spans="2:9" ht="18" customHeight="1" x14ac:dyDescent="0.15"/>
    <row r="20" spans="2:9" ht="18" customHeight="1" x14ac:dyDescent="0.15">
      <c r="B20" s="8">
        <v>5</v>
      </c>
      <c r="C20" t="s">
        <v>33</v>
      </c>
    </row>
    <row r="21" spans="2:9" ht="18" customHeight="1" x14ac:dyDescent="0.15">
      <c r="D21" s="98"/>
      <c r="E21" s="98"/>
      <c r="F21"/>
      <c r="H21" s="73"/>
      <c r="I21"/>
    </row>
    <row r="22" spans="2:9" ht="18" customHeight="1" x14ac:dyDescent="0.15"/>
    <row r="23" spans="2:9" ht="18" customHeight="1" x14ac:dyDescent="0.15">
      <c r="B23" s="8">
        <v>6</v>
      </c>
      <c r="C23" t="s">
        <v>5</v>
      </c>
    </row>
    <row r="24" spans="2:9" ht="18" customHeight="1" x14ac:dyDescent="0.15"/>
    <row r="25" spans="2:9" ht="18" customHeight="1" x14ac:dyDescent="0.15"/>
    <row r="26" spans="2:9" ht="18" customHeight="1" x14ac:dyDescent="0.15"/>
    <row r="27" spans="2:9" ht="18" customHeight="1" x14ac:dyDescent="0.15"/>
    <row r="28" spans="2:9" ht="18" customHeight="1" x14ac:dyDescent="0.15"/>
    <row r="29" spans="2:9" ht="18" customHeight="1" x14ac:dyDescent="0.15"/>
    <row r="30" spans="2:9" ht="18" customHeight="1" x14ac:dyDescent="0.15"/>
    <row r="31" spans="2:9" ht="18" customHeight="1" x14ac:dyDescent="0.15">
      <c r="D31" s="1"/>
    </row>
    <row r="32" spans="2:9" ht="18" customHeight="1" x14ac:dyDescent="0.15">
      <c r="D32" s="1"/>
    </row>
    <row r="33" spans="3:4" ht="18" customHeight="1" x14ac:dyDescent="0.15">
      <c r="D33" s="1"/>
    </row>
    <row r="34" spans="3:4" ht="18" customHeight="1" x14ac:dyDescent="0.15">
      <c r="C34" s="7"/>
    </row>
    <row r="35" spans="3:4" ht="18" customHeight="1" x14ac:dyDescent="0.15"/>
    <row r="36" spans="3:4" ht="18" customHeight="1" x14ac:dyDescent="0.15"/>
    <row r="37" spans="3:4" ht="18" customHeight="1" x14ac:dyDescent="0.15"/>
    <row r="38" spans="3:4" ht="18" customHeight="1" x14ac:dyDescent="0.15"/>
    <row r="39" spans="3:4" ht="18" customHeight="1" x14ac:dyDescent="0.15"/>
    <row r="40" spans="3:4" ht="18" customHeight="1" x14ac:dyDescent="0.15"/>
    <row r="41" spans="3:4" ht="18" customHeight="1" x14ac:dyDescent="0.15"/>
    <row r="42" spans="3:4" ht="18" customHeight="1" x14ac:dyDescent="0.15"/>
    <row r="43" spans="3:4" ht="18" customHeight="1" x14ac:dyDescent="0.15"/>
    <row r="44" spans="3:4" ht="18" customHeight="1" x14ac:dyDescent="0.15"/>
    <row r="45" spans="3:4" ht="18" customHeight="1" x14ac:dyDescent="0.15"/>
    <row r="46" spans="3:4" ht="18" customHeight="1" x14ac:dyDescent="0.15"/>
    <row r="47" spans="3:4" ht="18" customHeight="1" x14ac:dyDescent="0.15"/>
    <row r="48" spans="3:4"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sheetData>
  <mergeCells count="1">
    <mergeCell ref="D21:E21"/>
  </mergeCells>
  <phoneticPr fontId="2"/>
  <dataValidations count="2">
    <dataValidation imeMode="off" allowBlank="1" showInputMessage="1" showErrorMessage="1" prompt="県補助額ではなく、そのうちの「国庫補助額」分を記入。" sqref="D21:E21 IZ21:JA21 SV21:SW21 ACR21:ACS21 AMN21:AMO21 AWJ21:AWK21 BGF21:BGG21 BQB21:BQC21 BZX21:BZY21 CJT21:CJU21 CTP21:CTQ21 DDL21:DDM21 DNH21:DNI21 DXD21:DXE21 EGZ21:EHA21 EQV21:EQW21 FAR21:FAS21 FKN21:FKO21 FUJ21:FUK21 GEF21:GEG21 GOB21:GOC21 GXX21:GXY21 HHT21:HHU21 HRP21:HRQ21 IBL21:IBM21 ILH21:ILI21 IVD21:IVE21 JEZ21:JFA21 JOV21:JOW21 JYR21:JYS21 KIN21:KIO21 KSJ21:KSK21 LCF21:LCG21 LMB21:LMC21 LVX21:LVY21 MFT21:MFU21 MPP21:MPQ21 MZL21:MZM21 NJH21:NJI21 NTD21:NTE21 OCZ21:ODA21 OMV21:OMW21 OWR21:OWS21 PGN21:PGO21 PQJ21:PQK21 QAF21:QAG21 QKB21:QKC21 QTX21:QTY21 RDT21:RDU21 RNP21:RNQ21 RXL21:RXM21 SHH21:SHI21 SRD21:SRE21 TAZ21:TBA21 TKV21:TKW21 TUR21:TUS21 UEN21:UEO21 UOJ21:UOK21 UYF21:UYG21 VIB21:VIC21 VRX21:VRY21 WBT21:WBU21 WLP21:WLQ21 WVL21:WVM21 D65557:E65557 IZ65557:JA65557 SV65557:SW65557 ACR65557:ACS65557 AMN65557:AMO65557 AWJ65557:AWK65557 BGF65557:BGG65557 BQB65557:BQC65557 BZX65557:BZY65557 CJT65557:CJU65557 CTP65557:CTQ65557 DDL65557:DDM65557 DNH65557:DNI65557 DXD65557:DXE65557 EGZ65557:EHA65557 EQV65557:EQW65557 FAR65557:FAS65557 FKN65557:FKO65557 FUJ65557:FUK65557 GEF65557:GEG65557 GOB65557:GOC65557 GXX65557:GXY65557 HHT65557:HHU65557 HRP65557:HRQ65557 IBL65557:IBM65557 ILH65557:ILI65557 IVD65557:IVE65557 JEZ65557:JFA65557 JOV65557:JOW65557 JYR65557:JYS65557 KIN65557:KIO65557 KSJ65557:KSK65557 LCF65557:LCG65557 LMB65557:LMC65557 LVX65557:LVY65557 MFT65557:MFU65557 MPP65557:MPQ65557 MZL65557:MZM65557 NJH65557:NJI65557 NTD65557:NTE65557 OCZ65557:ODA65557 OMV65557:OMW65557 OWR65557:OWS65557 PGN65557:PGO65557 PQJ65557:PQK65557 QAF65557:QAG65557 QKB65557:QKC65557 QTX65557:QTY65557 RDT65557:RDU65557 RNP65557:RNQ65557 RXL65557:RXM65557 SHH65557:SHI65557 SRD65557:SRE65557 TAZ65557:TBA65557 TKV65557:TKW65557 TUR65557:TUS65557 UEN65557:UEO65557 UOJ65557:UOK65557 UYF65557:UYG65557 VIB65557:VIC65557 VRX65557:VRY65557 WBT65557:WBU65557 WLP65557:WLQ65557 WVL65557:WVM65557 D131093:E131093 IZ131093:JA131093 SV131093:SW131093 ACR131093:ACS131093 AMN131093:AMO131093 AWJ131093:AWK131093 BGF131093:BGG131093 BQB131093:BQC131093 BZX131093:BZY131093 CJT131093:CJU131093 CTP131093:CTQ131093 DDL131093:DDM131093 DNH131093:DNI131093 DXD131093:DXE131093 EGZ131093:EHA131093 EQV131093:EQW131093 FAR131093:FAS131093 FKN131093:FKO131093 FUJ131093:FUK131093 GEF131093:GEG131093 GOB131093:GOC131093 GXX131093:GXY131093 HHT131093:HHU131093 HRP131093:HRQ131093 IBL131093:IBM131093 ILH131093:ILI131093 IVD131093:IVE131093 JEZ131093:JFA131093 JOV131093:JOW131093 JYR131093:JYS131093 KIN131093:KIO131093 KSJ131093:KSK131093 LCF131093:LCG131093 LMB131093:LMC131093 LVX131093:LVY131093 MFT131093:MFU131093 MPP131093:MPQ131093 MZL131093:MZM131093 NJH131093:NJI131093 NTD131093:NTE131093 OCZ131093:ODA131093 OMV131093:OMW131093 OWR131093:OWS131093 PGN131093:PGO131093 PQJ131093:PQK131093 QAF131093:QAG131093 QKB131093:QKC131093 QTX131093:QTY131093 RDT131093:RDU131093 RNP131093:RNQ131093 RXL131093:RXM131093 SHH131093:SHI131093 SRD131093:SRE131093 TAZ131093:TBA131093 TKV131093:TKW131093 TUR131093:TUS131093 UEN131093:UEO131093 UOJ131093:UOK131093 UYF131093:UYG131093 VIB131093:VIC131093 VRX131093:VRY131093 WBT131093:WBU131093 WLP131093:WLQ131093 WVL131093:WVM131093 D196629:E196629 IZ196629:JA196629 SV196629:SW196629 ACR196629:ACS196629 AMN196629:AMO196629 AWJ196629:AWK196629 BGF196629:BGG196629 BQB196629:BQC196629 BZX196629:BZY196629 CJT196629:CJU196629 CTP196629:CTQ196629 DDL196629:DDM196629 DNH196629:DNI196629 DXD196629:DXE196629 EGZ196629:EHA196629 EQV196629:EQW196629 FAR196629:FAS196629 FKN196629:FKO196629 FUJ196629:FUK196629 GEF196629:GEG196629 GOB196629:GOC196629 GXX196629:GXY196629 HHT196629:HHU196629 HRP196629:HRQ196629 IBL196629:IBM196629 ILH196629:ILI196629 IVD196629:IVE196629 JEZ196629:JFA196629 JOV196629:JOW196629 JYR196629:JYS196629 KIN196629:KIO196629 KSJ196629:KSK196629 LCF196629:LCG196629 LMB196629:LMC196629 LVX196629:LVY196629 MFT196629:MFU196629 MPP196629:MPQ196629 MZL196629:MZM196629 NJH196629:NJI196629 NTD196629:NTE196629 OCZ196629:ODA196629 OMV196629:OMW196629 OWR196629:OWS196629 PGN196629:PGO196629 PQJ196629:PQK196629 QAF196629:QAG196629 QKB196629:QKC196629 QTX196629:QTY196629 RDT196629:RDU196629 RNP196629:RNQ196629 RXL196629:RXM196629 SHH196629:SHI196629 SRD196629:SRE196629 TAZ196629:TBA196629 TKV196629:TKW196629 TUR196629:TUS196629 UEN196629:UEO196629 UOJ196629:UOK196629 UYF196629:UYG196629 VIB196629:VIC196629 VRX196629:VRY196629 WBT196629:WBU196629 WLP196629:WLQ196629 WVL196629:WVM196629 D262165:E262165 IZ262165:JA262165 SV262165:SW262165 ACR262165:ACS262165 AMN262165:AMO262165 AWJ262165:AWK262165 BGF262165:BGG262165 BQB262165:BQC262165 BZX262165:BZY262165 CJT262165:CJU262165 CTP262165:CTQ262165 DDL262165:DDM262165 DNH262165:DNI262165 DXD262165:DXE262165 EGZ262165:EHA262165 EQV262165:EQW262165 FAR262165:FAS262165 FKN262165:FKO262165 FUJ262165:FUK262165 GEF262165:GEG262165 GOB262165:GOC262165 GXX262165:GXY262165 HHT262165:HHU262165 HRP262165:HRQ262165 IBL262165:IBM262165 ILH262165:ILI262165 IVD262165:IVE262165 JEZ262165:JFA262165 JOV262165:JOW262165 JYR262165:JYS262165 KIN262165:KIO262165 KSJ262165:KSK262165 LCF262165:LCG262165 LMB262165:LMC262165 LVX262165:LVY262165 MFT262165:MFU262165 MPP262165:MPQ262165 MZL262165:MZM262165 NJH262165:NJI262165 NTD262165:NTE262165 OCZ262165:ODA262165 OMV262165:OMW262165 OWR262165:OWS262165 PGN262165:PGO262165 PQJ262165:PQK262165 QAF262165:QAG262165 QKB262165:QKC262165 QTX262165:QTY262165 RDT262165:RDU262165 RNP262165:RNQ262165 RXL262165:RXM262165 SHH262165:SHI262165 SRD262165:SRE262165 TAZ262165:TBA262165 TKV262165:TKW262165 TUR262165:TUS262165 UEN262165:UEO262165 UOJ262165:UOK262165 UYF262165:UYG262165 VIB262165:VIC262165 VRX262165:VRY262165 WBT262165:WBU262165 WLP262165:WLQ262165 WVL262165:WVM262165 D327701:E327701 IZ327701:JA327701 SV327701:SW327701 ACR327701:ACS327701 AMN327701:AMO327701 AWJ327701:AWK327701 BGF327701:BGG327701 BQB327701:BQC327701 BZX327701:BZY327701 CJT327701:CJU327701 CTP327701:CTQ327701 DDL327701:DDM327701 DNH327701:DNI327701 DXD327701:DXE327701 EGZ327701:EHA327701 EQV327701:EQW327701 FAR327701:FAS327701 FKN327701:FKO327701 FUJ327701:FUK327701 GEF327701:GEG327701 GOB327701:GOC327701 GXX327701:GXY327701 HHT327701:HHU327701 HRP327701:HRQ327701 IBL327701:IBM327701 ILH327701:ILI327701 IVD327701:IVE327701 JEZ327701:JFA327701 JOV327701:JOW327701 JYR327701:JYS327701 KIN327701:KIO327701 KSJ327701:KSK327701 LCF327701:LCG327701 LMB327701:LMC327701 LVX327701:LVY327701 MFT327701:MFU327701 MPP327701:MPQ327701 MZL327701:MZM327701 NJH327701:NJI327701 NTD327701:NTE327701 OCZ327701:ODA327701 OMV327701:OMW327701 OWR327701:OWS327701 PGN327701:PGO327701 PQJ327701:PQK327701 QAF327701:QAG327701 QKB327701:QKC327701 QTX327701:QTY327701 RDT327701:RDU327701 RNP327701:RNQ327701 RXL327701:RXM327701 SHH327701:SHI327701 SRD327701:SRE327701 TAZ327701:TBA327701 TKV327701:TKW327701 TUR327701:TUS327701 UEN327701:UEO327701 UOJ327701:UOK327701 UYF327701:UYG327701 VIB327701:VIC327701 VRX327701:VRY327701 WBT327701:WBU327701 WLP327701:WLQ327701 WVL327701:WVM327701 D393237:E393237 IZ393237:JA393237 SV393237:SW393237 ACR393237:ACS393237 AMN393237:AMO393237 AWJ393237:AWK393237 BGF393237:BGG393237 BQB393237:BQC393237 BZX393237:BZY393237 CJT393237:CJU393237 CTP393237:CTQ393237 DDL393237:DDM393237 DNH393237:DNI393237 DXD393237:DXE393237 EGZ393237:EHA393237 EQV393237:EQW393237 FAR393237:FAS393237 FKN393237:FKO393237 FUJ393237:FUK393237 GEF393237:GEG393237 GOB393237:GOC393237 GXX393237:GXY393237 HHT393237:HHU393237 HRP393237:HRQ393237 IBL393237:IBM393237 ILH393237:ILI393237 IVD393237:IVE393237 JEZ393237:JFA393237 JOV393237:JOW393237 JYR393237:JYS393237 KIN393237:KIO393237 KSJ393237:KSK393237 LCF393237:LCG393237 LMB393237:LMC393237 LVX393237:LVY393237 MFT393237:MFU393237 MPP393237:MPQ393237 MZL393237:MZM393237 NJH393237:NJI393237 NTD393237:NTE393237 OCZ393237:ODA393237 OMV393237:OMW393237 OWR393237:OWS393237 PGN393237:PGO393237 PQJ393237:PQK393237 QAF393237:QAG393237 QKB393237:QKC393237 QTX393237:QTY393237 RDT393237:RDU393237 RNP393237:RNQ393237 RXL393237:RXM393237 SHH393237:SHI393237 SRD393237:SRE393237 TAZ393237:TBA393237 TKV393237:TKW393237 TUR393237:TUS393237 UEN393237:UEO393237 UOJ393237:UOK393237 UYF393237:UYG393237 VIB393237:VIC393237 VRX393237:VRY393237 WBT393237:WBU393237 WLP393237:WLQ393237 WVL393237:WVM393237 D458773:E458773 IZ458773:JA458773 SV458773:SW458773 ACR458773:ACS458773 AMN458773:AMO458773 AWJ458773:AWK458773 BGF458773:BGG458773 BQB458773:BQC458773 BZX458773:BZY458773 CJT458773:CJU458773 CTP458773:CTQ458773 DDL458773:DDM458773 DNH458773:DNI458773 DXD458773:DXE458773 EGZ458773:EHA458773 EQV458773:EQW458773 FAR458773:FAS458773 FKN458773:FKO458773 FUJ458773:FUK458773 GEF458773:GEG458773 GOB458773:GOC458773 GXX458773:GXY458773 HHT458773:HHU458773 HRP458773:HRQ458773 IBL458773:IBM458773 ILH458773:ILI458773 IVD458773:IVE458773 JEZ458773:JFA458773 JOV458773:JOW458773 JYR458773:JYS458773 KIN458773:KIO458773 KSJ458773:KSK458773 LCF458773:LCG458773 LMB458773:LMC458773 LVX458773:LVY458773 MFT458773:MFU458773 MPP458773:MPQ458773 MZL458773:MZM458773 NJH458773:NJI458773 NTD458773:NTE458773 OCZ458773:ODA458773 OMV458773:OMW458773 OWR458773:OWS458773 PGN458773:PGO458773 PQJ458773:PQK458773 QAF458773:QAG458773 QKB458773:QKC458773 QTX458773:QTY458773 RDT458773:RDU458773 RNP458773:RNQ458773 RXL458773:RXM458773 SHH458773:SHI458773 SRD458773:SRE458773 TAZ458773:TBA458773 TKV458773:TKW458773 TUR458773:TUS458773 UEN458773:UEO458773 UOJ458773:UOK458773 UYF458773:UYG458773 VIB458773:VIC458773 VRX458773:VRY458773 WBT458773:WBU458773 WLP458773:WLQ458773 WVL458773:WVM458773 D524309:E524309 IZ524309:JA524309 SV524309:SW524309 ACR524309:ACS524309 AMN524309:AMO524309 AWJ524309:AWK524309 BGF524309:BGG524309 BQB524309:BQC524309 BZX524309:BZY524309 CJT524309:CJU524309 CTP524309:CTQ524309 DDL524309:DDM524309 DNH524309:DNI524309 DXD524309:DXE524309 EGZ524309:EHA524309 EQV524309:EQW524309 FAR524309:FAS524309 FKN524309:FKO524309 FUJ524309:FUK524309 GEF524309:GEG524309 GOB524309:GOC524309 GXX524309:GXY524309 HHT524309:HHU524309 HRP524309:HRQ524309 IBL524309:IBM524309 ILH524309:ILI524309 IVD524309:IVE524309 JEZ524309:JFA524309 JOV524309:JOW524309 JYR524309:JYS524309 KIN524309:KIO524309 KSJ524309:KSK524309 LCF524309:LCG524309 LMB524309:LMC524309 LVX524309:LVY524309 MFT524309:MFU524309 MPP524309:MPQ524309 MZL524309:MZM524309 NJH524309:NJI524309 NTD524309:NTE524309 OCZ524309:ODA524309 OMV524309:OMW524309 OWR524309:OWS524309 PGN524309:PGO524309 PQJ524309:PQK524309 QAF524309:QAG524309 QKB524309:QKC524309 QTX524309:QTY524309 RDT524309:RDU524309 RNP524309:RNQ524309 RXL524309:RXM524309 SHH524309:SHI524309 SRD524309:SRE524309 TAZ524309:TBA524309 TKV524309:TKW524309 TUR524309:TUS524309 UEN524309:UEO524309 UOJ524309:UOK524309 UYF524309:UYG524309 VIB524309:VIC524309 VRX524309:VRY524309 WBT524309:WBU524309 WLP524309:WLQ524309 WVL524309:WVM524309 D589845:E589845 IZ589845:JA589845 SV589845:SW589845 ACR589845:ACS589845 AMN589845:AMO589845 AWJ589845:AWK589845 BGF589845:BGG589845 BQB589845:BQC589845 BZX589845:BZY589845 CJT589845:CJU589845 CTP589845:CTQ589845 DDL589845:DDM589845 DNH589845:DNI589845 DXD589845:DXE589845 EGZ589845:EHA589845 EQV589845:EQW589845 FAR589845:FAS589845 FKN589845:FKO589845 FUJ589845:FUK589845 GEF589845:GEG589845 GOB589845:GOC589845 GXX589845:GXY589845 HHT589845:HHU589845 HRP589845:HRQ589845 IBL589845:IBM589845 ILH589845:ILI589845 IVD589845:IVE589845 JEZ589845:JFA589845 JOV589845:JOW589845 JYR589845:JYS589845 KIN589845:KIO589845 KSJ589845:KSK589845 LCF589845:LCG589845 LMB589845:LMC589845 LVX589845:LVY589845 MFT589845:MFU589845 MPP589845:MPQ589845 MZL589845:MZM589845 NJH589845:NJI589845 NTD589845:NTE589845 OCZ589845:ODA589845 OMV589845:OMW589845 OWR589845:OWS589845 PGN589845:PGO589845 PQJ589845:PQK589845 QAF589845:QAG589845 QKB589845:QKC589845 QTX589845:QTY589845 RDT589845:RDU589845 RNP589845:RNQ589845 RXL589845:RXM589845 SHH589845:SHI589845 SRD589845:SRE589845 TAZ589845:TBA589845 TKV589845:TKW589845 TUR589845:TUS589845 UEN589845:UEO589845 UOJ589845:UOK589845 UYF589845:UYG589845 VIB589845:VIC589845 VRX589845:VRY589845 WBT589845:WBU589845 WLP589845:WLQ589845 WVL589845:WVM589845 D655381:E655381 IZ655381:JA655381 SV655381:SW655381 ACR655381:ACS655381 AMN655381:AMO655381 AWJ655381:AWK655381 BGF655381:BGG655381 BQB655381:BQC655381 BZX655381:BZY655381 CJT655381:CJU655381 CTP655381:CTQ655381 DDL655381:DDM655381 DNH655381:DNI655381 DXD655381:DXE655381 EGZ655381:EHA655381 EQV655381:EQW655381 FAR655381:FAS655381 FKN655381:FKO655381 FUJ655381:FUK655381 GEF655381:GEG655381 GOB655381:GOC655381 GXX655381:GXY655381 HHT655381:HHU655381 HRP655381:HRQ655381 IBL655381:IBM655381 ILH655381:ILI655381 IVD655381:IVE655381 JEZ655381:JFA655381 JOV655381:JOW655381 JYR655381:JYS655381 KIN655381:KIO655381 KSJ655381:KSK655381 LCF655381:LCG655381 LMB655381:LMC655381 LVX655381:LVY655381 MFT655381:MFU655381 MPP655381:MPQ655381 MZL655381:MZM655381 NJH655381:NJI655381 NTD655381:NTE655381 OCZ655381:ODA655381 OMV655381:OMW655381 OWR655381:OWS655381 PGN655381:PGO655381 PQJ655381:PQK655381 QAF655381:QAG655381 QKB655381:QKC655381 QTX655381:QTY655381 RDT655381:RDU655381 RNP655381:RNQ655381 RXL655381:RXM655381 SHH655381:SHI655381 SRD655381:SRE655381 TAZ655381:TBA655381 TKV655381:TKW655381 TUR655381:TUS655381 UEN655381:UEO655381 UOJ655381:UOK655381 UYF655381:UYG655381 VIB655381:VIC655381 VRX655381:VRY655381 WBT655381:WBU655381 WLP655381:WLQ655381 WVL655381:WVM655381 D720917:E720917 IZ720917:JA720917 SV720917:SW720917 ACR720917:ACS720917 AMN720917:AMO720917 AWJ720917:AWK720917 BGF720917:BGG720917 BQB720917:BQC720917 BZX720917:BZY720917 CJT720917:CJU720917 CTP720917:CTQ720917 DDL720917:DDM720917 DNH720917:DNI720917 DXD720917:DXE720917 EGZ720917:EHA720917 EQV720917:EQW720917 FAR720917:FAS720917 FKN720917:FKO720917 FUJ720917:FUK720917 GEF720917:GEG720917 GOB720917:GOC720917 GXX720917:GXY720917 HHT720917:HHU720917 HRP720917:HRQ720917 IBL720917:IBM720917 ILH720917:ILI720917 IVD720917:IVE720917 JEZ720917:JFA720917 JOV720917:JOW720917 JYR720917:JYS720917 KIN720917:KIO720917 KSJ720917:KSK720917 LCF720917:LCG720917 LMB720917:LMC720917 LVX720917:LVY720917 MFT720917:MFU720917 MPP720917:MPQ720917 MZL720917:MZM720917 NJH720917:NJI720917 NTD720917:NTE720917 OCZ720917:ODA720917 OMV720917:OMW720917 OWR720917:OWS720917 PGN720917:PGO720917 PQJ720917:PQK720917 QAF720917:QAG720917 QKB720917:QKC720917 QTX720917:QTY720917 RDT720917:RDU720917 RNP720917:RNQ720917 RXL720917:RXM720917 SHH720917:SHI720917 SRD720917:SRE720917 TAZ720917:TBA720917 TKV720917:TKW720917 TUR720917:TUS720917 UEN720917:UEO720917 UOJ720917:UOK720917 UYF720917:UYG720917 VIB720917:VIC720917 VRX720917:VRY720917 WBT720917:WBU720917 WLP720917:WLQ720917 WVL720917:WVM720917 D786453:E786453 IZ786453:JA786453 SV786453:SW786453 ACR786453:ACS786453 AMN786453:AMO786453 AWJ786453:AWK786453 BGF786453:BGG786453 BQB786453:BQC786453 BZX786453:BZY786453 CJT786453:CJU786453 CTP786453:CTQ786453 DDL786453:DDM786453 DNH786453:DNI786453 DXD786453:DXE786453 EGZ786453:EHA786453 EQV786453:EQW786453 FAR786453:FAS786453 FKN786453:FKO786453 FUJ786453:FUK786453 GEF786453:GEG786453 GOB786453:GOC786453 GXX786453:GXY786453 HHT786453:HHU786453 HRP786453:HRQ786453 IBL786453:IBM786453 ILH786453:ILI786453 IVD786453:IVE786453 JEZ786453:JFA786453 JOV786453:JOW786453 JYR786453:JYS786453 KIN786453:KIO786453 KSJ786453:KSK786453 LCF786453:LCG786453 LMB786453:LMC786453 LVX786453:LVY786453 MFT786453:MFU786453 MPP786453:MPQ786453 MZL786453:MZM786453 NJH786453:NJI786453 NTD786453:NTE786453 OCZ786453:ODA786453 OMV786453:OMW786453 OWR786453:OWS786453 PGN786453:PGO786453 PQJ786453:PQK786453 QAF786453:QAG786453 QKB786453:QKC786453 QTX786453:QTY786453 RDT786453:RDU786453 RNP786453:RNQ786453 RXL786453:RXM786453 SHH786453:SHI786453 SRD786453:SRE786453 TAZ786453:TBA786453 TKV786453:TKW786453 TUR786453:TUS786453 UEN786453:UEO786453 UOJ786453:UOK786453 UYF786453:UYG786453 VIB786453:VIC786453 VRX786453:VRY786453 WBT786453:WBU786453 WLP786453:WLQ786453 WVL786453:WVM786453 D851989:E851989 IZ851989:JA851989 SV851989:SW851989 ACR851989:ACS851989 AMN851989:AMO851989 AWJ851989:AWK851989 BGF851989:BGG851989 BQB851989:BQC851989 BZX851989:BZY851989 CJT851989:CJU851989 CTP851989:CTQ851989 DDL851989:DDM851989 DNH851989:DNI851989 DXD851989:DXE851989 EGZ851989:EHA851989 EQV851989:EQW851989 FAR851989:FAS851989 FKN851989:FKO851989 FUJ851989:FUK851989 GEF851989:GEG851989 GOB851989:GOC851989 GXX851989:GXY851989 HHT851989:HHU851989 HRP851989:HRQ851989 IBL851989:IBM851989 ILH851989:ILI851989 IVD851989:IVE851989 JEZ851989:JFA851989 JOV851989:JOW851989 JYR851989:JYS851989 KIN851989:KIO851989 KSJ851989:KSK851989 LCF851989:LCG851989 LMB851989:LMC851989 LVX851989:LVY851989 MFT851989:MFU851989 MPP851989:MPQ851989 MZL851989:MZM851989 NJH851989:NJI851989 NTD851989:NTE851989 OCZ851989:ODA851989 OMV851989:OMW851989 OWR851989:OWS851989 PGN851989:PGO851989 PQJ851989:PQK851989 QAF851989:QAG851989 QKB851989:QKC851989 QTX851989:QTY851989 RDT851989:RDU851989 RNP851989:RNQ851989 RXL851989:RXM851989 SHH851989:SHI851989 SRD851989:SRE851989 TAZ851989:TBA851989 TKV851989:TKW851989 TUR851989:TUS851989 UEN851989:UEO851989 UOJ851989:UOK851989 UYF851989:UYG851989 VIB851989:VIC851989 VRX851989:VRY851989 WBT851989:WBU851989 WLP851989:WLQ851989 WVL851989:WVM851989 D917525:E917525 IZ917525:JA917525 SV917525:SW917525 ACR917525:ACS917525 AMN917525:AMO917525 AWJ917525:AWK917525 BGF917525:BGG917525 BQB917525:BQC917525 BZX917525:BZY917525 CJT917525:CJU917525 CTP917525:CTQ917525 DDL917525:DDM917525 DNH917525:DNI917525 DXD917525:DXE917525 EGZ917525:EHA917525 EQV917525:EQW917525 FAR917525:FAS917525 FKN917525:FKO917525 FUJ917525:FUK917525 GEF917525:GEG917525 GOB917525:GOC917525 GXX917525:GXY917525 HHT917525:HHU917525 HRP917525:HRQ917525 IBL917525:IBM917525 ILH917525:ILI917525 IVD917525:IVE917525 JEZ917525:JFA917525 JOV917525:JOW917525 JYR917525:JYS917525 KIN917525:KIO917525 KSJ917525:KSK917525 LCF917525:LCG917525 LMB917525:LMC917525 LVX917525:LVY917525 MFT917525:MFU917525 MPP917525:MPQ917525 MZL917525:MZM917525 NJH917525:NJI917525 NTD917525:NTE917525 OCZ917525:ODA917525 OMV917525:OMW917525 OWR917525:OWS917525 PGN917525:PGO917525 PQJ917525:PQK917525 QAF917525:QAG917525 QKB917525:QKC917525 QTX917525:QTY917525 RDT917525:RDU917525 RNP917525:RNQ917525 RXL917525:RXM917525 SHH917525:SHI917525 SRD917525:SRE917525 TAZ917525:TBA917525 TKV917525:TKW917525 TUR917525:TUS917525 UEN917525:UEO917525 UOJ917525:UOK917525 UYF917525:UYG917525 VIB917525:VIC917525 VRX917525:VRY917525 WBT917525:WBU917525 WLP917525:WLQ917525 WVL917525:WVM917525 D983061:E983061 IZ983061:JA983061 SV983061:SW983061 ACR983061:ACS983061 AMN983061:AMO983061 AWJ983061:AWK983061 BGF983061:BGG983061 BQB983061:BQC983061 BZX983061:BZY983061 CJT983061:CJU983061 CTP983061:CTQ983061 DDL983061:DDM983061 DNH983061:DNI983061 DXD983061:DXE983061 EGZ983061:EHA983061 EQV983061:EQW983061 FAR983061:FAS983061 FKN983061:FKO983061 FUJ983061:FUK983061 GEF983061:GEG983061 GOB983061:GOC983061 GXX983061:GXY983061 HHT983061:HHU983061 HRP983061:HRQ983061 IBL983061:IBM983061 ILH983061:ILI983061 IVD983061:IVE983061 JEZ983061:JFA983061 JOV983061:JOW983061 JYR983061:JYS983061 KIN983061:KIO983061 KSJ983061:KSK983061 LCF983061:LCG983061 LMB983061:LMC983061 LVX983061:LVY983061 MFT983061:MFU983061 MPP983061:MPQ983061 MZL983061:MZM983061 NJH983061:NJI983061 NTD983061:NTE983061 OCZ983061:ODA983061 OMV983061:OMW983061 OWR983061:OWS983061 PGN983061:PGO983061 PQJ983061:PQK983061 QAF983061:QAG983061 QKB983061:QKC983061 QTX983061:QTY983061 RDT983061:RDU983061 RNP983061:RNQ983061 RXL983061:RXM983061 SHH983061:SHI983061 SRD983061:SRE983061 TAZ983061:TBA983061 TKV983061:TKW983061 TUR983061:TUS983061 UEN983061:UEO983061 UOJ983061:UOK983061 UYF983061:UYG983061 VIB983061:VIC983061 VRX983061:VRY983061 WBT983061:WBU983061 WLP983061:WLQ983061 WVL983061:WVM983061"/>
    <dataValidation imeMode="off" allowBlank="1" showInputMessage="1" showErrorMessage="1" prompt="別紙の整理番号を記入。" sqref="J5 JF5 TB5 ACX5 AMT5 AWP5 BGL5 BQH5 CAD5 CJZ5 CTV5 DDR5 DNN5 DXJ5 EHF5 ERB5 FAX5 FKT5 FUP5 GEL5 GOH5 GYD5 HHZ5 HRV5 IBR5 ILN5 IVJ5 JFF5 JPB5 JYX5 KIT5 KSP5 LCL5 LMH5 LWD5 MFZ5 MPV5 MZR5 NJN5 NTJ5 ODF5 ONB5 OWX5 PGT5 PQP5 QAL5 QKH5 QUD5 RDZ5 RNV5 RXR5 SHN5 SRJ5 TBF5 TLB5 TUX5 UET5 UOP5 UYL5 VIH5 VSD5 WBZ5 WLV5 WVR5 J65541 JF65541 TB65541 ACX65541 AMT65541 AWP65541 BGL65541 BQH65541 CAD65541 CJZ65541 CTV65541 DDR65541 DNN65541 DXJ65541 EHF65541 ERB65541 FAX65541 FKT65541 FUP65541 GEL65541 GOH65541 GYD65541 HHZ65541 HRV65541 IBR65541 ILN65541 IVJ65541 JFF65541 JPB65541 JYX65541 KIT65541 KSP65541 LCL65541 LMH65541 LWD65541 MFZ65541 MPV65541 MZR65541 NJN65541 NTJ65541 ODF65541 ONB65541 OWX65541 PGT65541 PQP65541 QAL65541 QKH65541 QUD65541 RDZ65541 RNV65541 RXR65541 SHN65541 SRJ65541 TBF65541 TLB65541 TUX65541 UET65541 UOP65541 UYL65541 VIH65541 VSD65541 WBZ65541 WLV65541 WVR65541 J131077 JF131077 TB131077 ACX131077 AMT131077 AWP131077 BGL131077 BQH131077 CAD131077 CJZ131077 CTV131077 DDR131077 DNN131077 DXJ131077 EHF131077 ERB131077 FAX131077 FKT131077 FUP131077 GEL131077 GOH131077 GYD131077 HHZ131077 HRV131077 IBR131077 ILN131077 IVJ131077 JFF131077 JPB131077 JYX131077 KIT131077 KSP131077 LCL131077 LMH131077 LWD131077 MFZ131077 MPV131077 MZR131077 NJN131077 NTJ131077 ODF131077 ONB131077 OWX131077 PGT131077 PQP131077 QAL131077 QKH131077 QUD131077 RDZ131077 RNV131077 RXR131077 SHN131077 SRJ131077 TBF131077 TLB131077 TUX131077 UET131077 UOP131077 UYL131077 VIH131077 VSD131077 WBZ131077 WLV131077 WVR131077 J196613 JF196613 TB196613 ACX196613 AMT196613 AWP196613 BGL196613 BQH196613 CAD196613 CJZ196613 CTV196613 DDR196613 DNN196613 DXJ196613 EHF196613 ERB196613 FAX196613 FKT196613 FUP196613 GEL196613 GOH196613 GYD196613 HHZ196613 HRV196613 IBR196613 ILN196613 IVJ196613 JFF196613 JPB196613 JYX196613 KIT196613 KSP196613 LCL196613 LMH196613 LWD196613 MFZ196613 MPV196613 MZR196613 NJN196613 NTJ196613 ODF196613 ONB196613 OWX196613 PGT196613 PQP196613 QAL196613 QKH196613 QUD196613 RDZ196613 RNV196613 RXR196613 SHN196613 SRJ196613 TBF196613 TLB196613 TUX196613 UET196613 UOP196613 UYL196613 VIH196613 VSD196613 WBZ196613 WLV196613 WVR196613 J262149 JF262149 TB262149 ACX262149 AMT262149 AWP262149 BGL262149 BQH262149 CAD262149 CJZ262149 CTV262149 DDR262149 DNN262149 DXJ262149 EHF262149 ERB262149 FAX262149 FKT262149 FUP262149 GEL262149 GOH262149 GYD262149 HHZ262149 HRV262149 IBR262149 ILN262149 IVJ262149 JFF262149 JPB262149 JYX262149 KIT262149 KSP262149 LCL262149 LMH262149 LWD262149 MFZ262149 MPV262149 MZR262149 NJN262149 NTJ262149 ODF262149 ONB262149 OWX262149 PGT262149 PQP262149 QAL262149 QKH262149 QUD262149 RDZ262149 RNV262149 RXR262149 SHN262149 SRJ262149 TBF262149 TLB262149 TUX262149 UET262149 UOP262149 UYL262149 VIH262149 VSD262149 WBZ262149 WLV262149 WVR262149 J327685 JF327685 TB327685 ACX327685 AMT327685 AWP327685 BGL327685 BQH327685 CAD327685 CJZ327685 CTV327685 DDR327685 DNN327685 DXJ327685 EHF327685 ERB327685 FAX327685 FKT327685 FUP327685 GEL327685 GOH327685 GYD327685 HHZ327685 HRV327685 IBR327685 ILN327685 IVJ327685 JFF327685 JPB327685 JYX327685 KIT327685 KSP327685 LCL327685 LMH327685 LWD327685 MFZ327685 MPV327685 MZR327685 NJN327685 NTJ327685 ODF327685 ONB327685 OWX327685 PGT327685 PQP327685 QAL327685 QKH327685 QUD327685 RDZ327685 RNV327685 RXR327685 SHN327685 SRJ327685 TBF327685 TLB327685 TUX327685 UET327685 UOP327685 UYL327685 VIH327685 VSD327685 WBZ327685 WLV327685 WVR327685 J393221 JF393221 TB393221 ACX393221 AMT393221 AWP393221 BGL393221 BQH393221 CAD393221 CJZ393221 CTV393221 DDR393221 DNN393221 DXJ393221 EHF393221 ERB393221 FAX393221 FKT393221 FUP393221 GEL393221 GOH393221 GYD393221 HHZ393221 HRV393221 IBR393221 ILN393221 IVJ393221 JFF393221 JPB393221 JYX393221 KIT393221 KSP393221 LCL393221 LMH393221 LWD393221 MFZ393221 MPV393221 MZR393221 NJN393221 NTJ393221 ODF393221 ONB393221 OWX393221 PGT393221 PQP393221 QAL393221 QKH393221 QUD393221 RDZ393221 RNV393221 RXR393221 SHN393221 SRJ393221 TBF393221 TLB393221 TUX393221 UET393221 UOP393221 UYL393221 VIH393221 VSD393221 WBZ393221 WLV393221 WVR393221 J458757 JF458757 TB458757 ACX458757 AMT458757 AWP458757 BGL458757 BQH458757 CAD458757 CJZ458757 CTV458757 DDR458757 DNN458757 DXJ458757 EHF458757 ERB458757 FAX458757 FKT458757 FUP458757 GEL458757 GOH458757 GYD458757 HHZ458757 HRV458757 IBR458757 ILN458757 IVJ458757 JFF458757 JPB458757 JYX458757 KIT458757 KSP458757 LCL458757 LMH458757 LWD458757 MFZ458757 MPV458757 MZR458757 NJN458757 NTJ458757 ODF458757 ONB458757 OWX458757 PGT458757 PQP458757 QAL458757 QKH458757 QUD458757 RDZ458757 RNV458757 RXR458757 SHN458757 SRJ458757 TBF458757 TLB458757 TUX458757 UET458757 UOP458757 UYL458757 VIH458757 VSD458757 WBZ458757 WLV458757 WVR458757 J524293 JF524293 TB524293 ACX524293 AMT524293 AWP524293 BGL524293 BQH524293 CAD524293 CJZ524293 CTV524293 DDR524293 DNN524293 DXJ524293 EHF524293 ERB524293 FAX524293 FKT524293 FUP524293 GEL524293 GOH524293 GYD524293 HHZ524293 HRV524293 IBR524293 ILN524293 IVJ524293 JFF524293 JPB524293 JYX524293 KIT524293 KSP524293 LCL524293 LMH524293 LWD524293 MFZ524293 MPV524293 MZR524293 NJN524293 NTJ524293 ODF524293 ONB524293 OWX524293 PGT524293 PQP524293 QAL524293 QKH524293 QUD524293 RDZ524293 RNV524293 RXR524293 SHN524293 SRJ524293 TBF524293 TLB524293 TUX524293 UET524293 UOP524293 UYL524293 VIH524293 VSD524293 WBZ524293 WLV524293 WVR524293 J589829 JF589829 TB589829 ACX589829 AMT589829 AWP589829 BGL589829 BQH589829 CAD589829 CJZ589829 CTV589829 DDR589829 DNN589829 DXJ589829 EHF589829 ERB589829 FAX589829 FKT589829 FUP589829 GEL589829 GOH589829 GYD589829 HHZ589829 HRV589829 IBR589829 ILN589829 IVJ589829 JFF589829 JPB589829 JYX589829 KIT589829 KSP589829 LCL589829 LMH589829 LWD589829 MFZ589829 MPV589829 MZR589829 NJN589829 NTJ589829 ODF589829 ONB589829 OWX589829 PGT589829 PQP589829 QAL589829 QKH589829 QUD589829 RDZ589829 RNV589829 RXR589829 SHN589829 SRJ589829 TBF589829 TLB589829 TUX589829 UET589829 UOP589829 UYL589829 VIH589829 VSD589829 WBZ589829 WLV589829 WVR589829 J655365 JF655365 TB655365 ACX655365 AMT655365 AWP655365 BGL655365 BQH655365 CAD655365 CJZ655365 CTV655365 DDR655365 DNN655365 DXJ655365 EHF655365 ERB655365 FAX655365 FKT655365 FUP655365 GEL655365 GOH655365 GYD655365 HHZ655365 HRV655365 IBR655365 ILN655365 IVJ655365 JFF655365 JPB655365 JYX655365 KIT655365 KSP655365 LCL655365 LMH655365 LWD655365 MFZ655365 MPV655365 MZR655365 NJN655365 NTJ655365 ODF655365 ONB655365 OWX655365 PGT655365 PQP655365 QAL655365 QKH655365 QUD655365 RDZ655365 RNV655365 RXR655365 SHN655365 SRJ655365 TBF655365 TLB655365 TUX655365 UET655365 UOP655365 UYL655365 VIH655365 VSD655365 WBZ655365 WLV655365 WVR655365 J720901 JF720901 TB720901 ACX720901 AMT720901 AWP720901 BGL720901 BQH720901 CAD720901 CJZ720901 CTV720901 DDR720901 DNN720901 DXJ720901 EHF720901 ERB720901 FAX720901 FKT720901 FUP720901 GEL720901 GOH720901 GYD720901 HHZ720901 HRV720901 IBR720901 ILN720901 IVJ720901 JFF720901 JPB720901 JYX720901 KIT720901 KSP720901 LCL720901 LMH720901 LWD720901 MFZ720901 MPV720901 MZR720901 NJN720901 NTJ720901 ODF720901 ONB720901 OWX720901 PGT720901 PQP720901 QAL720901 QKH720901 QUD720901 RDZ720901 RNV720901 RXR720901 SHN720901 SRJ720901 TBF720901 TLB720901 TUX720901 UET720901 UOP720901 UYL720901 VIH720901 VSD720901 WBZ720901 WLV720901 WVR720901 J786437 JF786437 TB786437 ACX786437 AMT786437 AWP786437 BGL786437 BQH786437 CAD786437 CJZ786437 CTV786437 DDR786437 DNN786437 DXJ786437 EHF786437 ERB786437 FAX786437 FKT786437 FUP786437 GEL786437 GOH786437 GYD786437 HHZ786437 HRV786437 IBR786437 ILN786437 IVJ786437 JFF786437 JPB786437 JYX786437 KIT786437 KSP786437 LCL786437 LMH786437 LWD786437 MFZ786437 MPV786437 MZR786437 NJN786437 NTJ786437 ODF786437 ONB786437 OWX786437 PGT786437 PQP786437 QAL786437 QKH786437 QUD786437 RDZ786437 RNV786437 RXR786437 SHN786437 SRJ786437 TBF786437 TLB786437 TUX786437 UET786437 UOP786437 UYL786437 VIH786437 VSD786437 WBZ786437 WLV786437 WVR786437 J851973 JF851973 TB851973 ACX851973 AMT851973 AWP851973 BGL851973 BQH851973 CAD851973 CJZ851973 CTV851973 DDR851973 DNN851973 DXJ851973 EHF851973 ERB851973 FAX851973 FKT851973 FUP851973 GEL851973 GOH851973 GYD851973 HHZ851973 HRV851973 IBR851973 ILN851973 IVJ851973 JFF851973 JPB851973 JYX851973 KIT851973 KSP851973 LCL851973 LMH851973 LWD851973 MFZ851973 MPV851973 MZR851973 NJN851973 NTJ851973 ODF851973 ONB851973 OWX851973 PGT851973 PQP851973 QAL851973 QKH851973 QUD851973 RDZ851973 RNV851973 RXR851973 SHN851973 SRJ851973 TBF851973 TLB851973 TUX851973 UET851973 UOP851973 UYL851973 VIH851973 VSD851973 WBZ851973 WLV851973 WVR851973 J917509 JF917509 TB917509 ACX917509 AMT917509 AWP917509 BGL917509 BQH917509 CAD917509 CJZ917509 CTV917509 DDR917509 DNN917509 DXJ917509 EHF917509 ERB917509 FAX917509 FKT917509 FUP917509 GEL917509 GOH917509 GYD917509 HHZ917509 HRV917509 IBR917509 ILN917509 IVJ917509 JFF917509 JPB917509 JYX917509 KIT917509 KSP917509 LCL917509 LMH917509 LWD917509 MFZ917509 MPV917509 MZR917509 NJN917509 NTJ917509 ODF917509 ONB917509 OWX917509 PGT917509 PQP917509 QAL917509 QKH917509 QUD917509 RDZ917509 RNV917509 RXR917509 SHN917509 SRJ917509 TBF917509 TLB917509 TUX917509 UET917509 UOP917509 UYL917509 VIH917509 VSD917509 WBZ917509 WLV917509 WVR917509 J983045 JF983045 TB983045 ACX983045 AMT983045 AWP983045 BGL983045 BQH983045 CAD983045 CJZ983045 CTV983045 DDR983045 DNN983045 DXJ983045 EHF983045 ERB983045 FAX983045 FKT983045 FUP983045 GEL983045 GOH983045 GYD983045 HHZ983045 HRV983045 IBR983045 ILN983045 IVJ983045 JFF983045 JPB983045 JYX983045 KIT983045 KSP983045 LCL983045 LMH983045 LWD983045 MFZ983045 MPV983045 MZR983045 NJN983045 NTJ983045 ODF983045 ONB983045 OWX983045 PGT983045 PQP983045 QAL983045 QKH983045 QUD983045 RDZ983045 RNV983045 RXR983045 SHN983045 SRJ983045 TBF983045 TLB983045 TUX983045 UET983045 UOP983045 UYL983045 VIH983045 VSD983045 WBZ983045 WLV983045 WVR983045"/>
  </dataValidations>
  <printOptions horizontalCentered="1"/>
  <pageMargins left="0.35433070866141736" right="0.39370078740157483" top="0.19685039370078741" bottom="0.55118110236220474" header="0.74803149606299213" footer="0.35433070866141736"/>
  <pageSetup paperSize="9"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sheetPr>
  <dimension ref="A5:M84"/>
  <sheetViews>
    <sheetView view="pageBreakPreview" topLeftCell="A19" zoomScaleNormal="100" zoomScaleSheetLayoutView="100" workbookViewId="0">
      <selection activeCell="E25" sqref="E25"/>
    </sheetView>
  </sheetViews>
  <sheetFormatPr defaultColWidth="9" defaultRowHeight="13.5" x14ac:dyDescent="0.15"/>
  <cols>
    <col min="1" max="1" width="2.375" style="3" customWidth="1"/>
    <col min="2" max="2" width="3.5" style="8" bestFit="1" customWidth="1"/>
    <col min="3" max="3" width="2.25" style="3" customWidth="1"/>
    <col min="4" max="4" width="5.5" style="3" bestFit="1" customWidth="1"/>
    <col min="5" max="5" width="16.125" style="3" bestFit="1" customWidth="1"/>
    <col min="6" max="6" width="9" style="3"/>
    <col min="7" max="7" width="10.875" style="3" customWidth="1"/>
    <col min="8" max="8" width="11.625" style="3" bestFit="1" customWidth="1"/>
    <col min="9" max="9" width="12.75" style="3" bestFit="1" customWidth="1"/>
    <col min="10" max="10" width="12.875" style="3" bestFit="1" customWidth="1"/>
    <col min="11" max="12" width="9" style="3"/>
    <col min="13" max="13" width="9.5" style="3" bestFit="1" customWidth="1"/>
    <col min="14" max="256" width="9" style="3"/>
    <col min="257" max="257" width="2.375" style="3" customWidth="1"/>
    <col min="258" max="258" width="3.5" style="3" bestFit="1" customWidth="1"/>
    <col min="259" max="259" width="2.25" style="3" customWidth="1"/>
    <col min="260" max="260" width="5.5" style="3" bestFit="1" customWidth="1"/>
    <col min="261" max="261" width="16.125" style="3" bestFit="1" customWidth="1"/>
    <col min="262" max="262" width="9" style="3"/>
    <col min="263" max="263" width="10.875" style="3" customWidth="1"/>
    <col min="264" max="264" width="11.625" style="3" bestFit="1" customWidth="1"/>
    <col min="265" max="265" width="12.75" style="3" bestFit="1" customWidth="1"/>
    <col min="266" max="266" width="12.875" style="3" bestFit="1" customWidth="1"/>
    <col min="267" max="268" width="9" style="3"/>
    <col min="269" max="269" width="9.5" style="3" bestFit="1" customWidth="1"/>
    <col min="270" max="512" width="9" style="3"/>
    <col min="513" max="513" width="2.375" style="3" customWidth="1"/>
    <col min="514" max="514" width="3.5" style="3" bestFit="1" customWidth="1"/>
    <col min="515" max="515" width="2.25" style="3" customWidth="1"/>
    <col min="516" max="516" width="5.5" style="3" bestFit="1" customWidth="1"/>
    <col min="517" max="517" width="16.125" style="3" bestFit="1" customWidth="1"/>
    <col min="518" max="518" width="9" style="3"/>
    <col min="519" max="519" width="10.875" style="3" customWidth="1"/>
    <col min="520" max="520" width="11.625" style="3" bestFit="1" customWidth="1"/>
    <col min="521" max="521" width="12.75" style="3" bestFit="1" customWidth="1"/>
    <col min="522" max="522" width="12.875" style="3" bestFit="1" customWidth="1"/>
    <col min="523" max="524" width="9" style="3"/>
    <col min="525" max="525" width="9.5" style="3" bestFit="1" customWidth="1"/>
    <col min="526" max="768" width="9" style="3"/>
    <col min="769" max="769" width="2.375" style="3" customWidth="1"/>
    <col min="770" max="770" width="3.5" style="3" bestFit="1" customWidth="1"/>
    <col min="771" max="771" width="2.25" style="3" customWidth="1"/>
    <col min="772" max="772" width="5.5" style="3" bestFit="1" customWidth="1"/>
    <col min="773" max="773" width="16.125" style="3" bestFit="1" customWidth="1"/>
    <col min="774" max="774" width="9" style="3"/>
    <col min="775" max="775" width="10.875" style="3" customWidth="1"/>
    <col min="776" max="776" width="11.625" style="3" bestFit="1" customWidth="1"/>
    <col min="777" max="777" width="12.75" style="3" bestFit="1" customWidth="1"/>
    <col min="778" max="778" width="12.875" style="3" bestFit="1" customWidth="1"/>
    <col min="779" max="780" width="9" style="3"/>
    <col min="781" max="781" width="9.5" style="3" bestFit="1" customWidth="1"/>
    <col min="782" max="1024" width="9" style="3"/>
    <col min="1025" max="1025" width="2.375" style="3" customWidth="1"/>
    <col min="1026" max="1026" width="3.5" style="3" bestFit="1" customWidth="1"/>
    <col min="1027" max="1027" width="2.25" style="3" customWidth="1"/>
    <col min="1028" max="1028" width="5.5" style="3" bestFit="1" customWidth="1"/>
    <col min="1029" max="1029" width="16.125" style="3" bestFit="1" customWidth="1"/>
    <col min="1030" max="1030" width="9" style="3"/>
    <col min="1031" max="1031" width="10.875" style="3" customWidth="1"/>
    <col min="1032" max="1032" width="11.625" style="3" bestFit="1" customWidth="1"/>
    <col min="1033" max="1033" width="12.75" style="3" bestFit="1" customWidth="1"/>
    <col min="1034" max="1034" width="12.875" style="3" bestFit="1" customWidth="1"/>
    <col min="1035" max="1036" width="9" style="3"/>
    <col min="1037" max="1037" width="9.5" style="3" bestFit="1" customWidth="1"/>
    <col min="1038" max="1280" width="9" style="3"/>
    <col min="1281" max="1281" width="2.375" style="3" customWidth="1"/>
    <col min="1282" max="1282" width="3.5" style="3" bestFit="1" customWidth="1"/>
    <col min="1283" max="1283" width="2.25" style="3" customWidth="1"/>
    <col min="1284" max="1284" width="5.5" style="3" bestFit="1" customWidth="1"/>
    <col min="1285" max="1285" width="16.125" style="3" bestFit="1" customWidth="1"/>
    <col min="1286" max="1286" width="9" style="3"/>
    <col min="1287" max="1287" width="10.875" style="3" customWidth="1"/>
    <col min="1288" max="1288" width="11.625" style="3" bestFit="1" customWidth="1"/>
    <col min="1289" max="1289" width="12.75" style="3" bestFit="1" customWidth="1"/>
    <col min="1290" max="1290" width="12.875" style="3" bestFit="1" customWidth="1"/>
    <col min="1291" max="1292" width="9" style="3"/>
    <col min="1293" max="1293" width="9.5" style="3" bestFit="1" customWidth="1"/>
    <col min="1294" max="1536" width="9" style="3"/>
    <col min="1537" max="1537" width="2.375" style="3" customWidth="1"/>
    <col min="1538" max="1538" width="3.5" style="3" bestFit="1" customWidth="1"/>
    <col min="1539" max="1539" width="2.25" style="3" customWidth="1"/>
    <col min="1540" max="1540" width="5.5" style="3" bestFit="1" customWidth="1"/>
    <col min="1541" max="1541" width="16.125" style="3" bestFit="1" customWidth="1"/>
    <col min="1542" max="1542" width="9" style="3"/>
    <col min="1543" max="1543" width="10.875" style="3" customWidth="1"/>
    <col min="1544" max="1544" width="11.625" style="3" bestFit="1" customWidth="1"/>
    <col min="1545" max="1545" width="12.75" style="3" bestFit="1" customWidth="1"/>
    <col min="1546" max="1546" width="12.875" style="3" bestFit="1" customWidth="1"/>
    <col min="1547" max="1548" width="9" style="3"/>
    <col min="1549" max="1549" width="9.5" style="3" bestFit="1" customWidth="1"/>
    <col min="1550" max="1792" width="9" style="3"/>
    <col min="1793" max="1793" width="2.375" style="3" customWidth="1"/>
    <col min="1794" max="1794" width="3.5" style="3" bestFit="1" customWidth="1"/>
    <col min="1795" max="1795" width="2.25" style="3" customWidth="1"/>
    <col min="1796" max="1796" width="5.5" style="3" bestFit="1" customWidth="1"/>
    <col min="1797" max="1797" width="16.125" style="3" bestFit="1" customWidth="1"/>
    <col min="1798" max="1798" width="9" style="3"/>
    <col min="1799" max="1799" width="10.875" style="3" customWidth="1"/>
    <col min="1800" max="1800" width="11.625" style="3" bestFit="1" customWidth="1"/>
    <col min="1801" max="1801" width="12.75" style="3" bestFit="1" customWidth="1"/>
    <col min="1802" max="1802" width="12.875" style="3" bestFit="1" customWidth="1"/>
    <col min="1803" max="1804" width="9" style="3"/>
    <col min="1805" max="1805" width="9.5" style="3" bestFit="1" customWidth="1"/>
    <col min="1806" max="2048" width="9" style="3"/>
    <col min="2049" max="2049" width="2.375" style="3" customWidth="1"/>
    <col min="2050" max="2050" width="3.5" style="3" bestFit="1" customWidth="1"/>
    <col min="2051" max="2051" width="2.25" style="3" customWidth="1"/>
    <col min="2052" max="2052" width="5.5" style="3" bestFit="1" customWidth="1"/>
    <col min="2053" max="2053" width="16.125" style="3" bestFit="1" customWidth="1"/>
    <col min="2054" max="2054" width="9" style="3"/>
    <col min="2055" max="2055" width="10.875" style="3" customWidth="1"/>
    <col min="2056" max="2056" width="11.625" style="3" bestFit="1" customWidth="1"/>
    <col min="2057" max="2057" width="12.75" style="3" bestFit="1" customWidth="1"/>
    <col min="2058" max="2058" width="12.875" style="3" bestFit="1" customWidth="1"/>
    <col min="2059" max="2060" width="9" style="3"/>
    <col min="2061" max="2061" width="9.5" style="3" bestFit="1" customWidth="1"/>
    <col min="2062" max="2304" width="9" style="3"/>
    <col min="2305" max="2305" width="2.375" style="3" customWidth="1"/>
    <col min="2306" max="2306" width="3.5" style="3" bestFit="1" customWidth="1"/>
    <col min="2307" max="2307" width="2.25" style="3" customWidth="1"/>
    <col min="2308" max="2308" width="5.5" style="3" bestFit="1" customWidth="1"/>
    <col min="2309" max="2309" width="16.125" style="3" bestFit="1" customWidth="1"/>
    <col min="2310" max="2310" width="9" style="3"/>
    <col min="2311" max="2311" width="10.875" style="3" customWidth="1"/>
    <col min="2312" max="2312" width="11.625" style="3" bestFit="1" customWidth="1"/>
    <col min="2313" max="2313" width="12.75" style="3" bestFit="1" customWidth="1"/>
    <col min="2314" max="2314" width="12.875" style="3" bestFit="1" customWidth="1"/>
    <col min="2315" max="2316" width="9" style="3"/>
    <col min="2317" max="2317" width="9.5" style="3" bestFit="1" customWidth="1"/>
    <col min="2318" max="2560" width="9" style="3"/>
    <col min="2561" max="2561" width="2.375" style="3" customWidth="1"/>
    <col min="2562" max="2562" width="3.5" style="3" bestFit="1" customWidth="1"/>
    <col min="2563" max="2563" width="2.25" style="3" customWidth="1"/>
    <col min="2564" max="2564" width="5.5" style="3" bestFit="1" customWidth="1"/>
    <col min="2565" max="2565" width="16.125" style="3" bestFit="1" customWidth="1"/>
    <col min="2566" max="2566" width="9" style="3"/>
    <col min="2567" max="2567" width="10.875" style="3" customWidth="1"/>
    <col min="2568" max="2568" width="11.625" style="3" bestFit="1" customWidth="1"/>
    <col min="2569" max="2569" width="12.75" style="3" bestFit="1" customWidth="1"/>
    <col min="2570" max="2570" width="12.875" style="3" bestFit="1" customWidth="1"/>
    <col min="2571" max="2572" width="9" style="3"/>
    <col min="2573" max="2573" width="9.5" style="3" bestFit="1" customWidth="1"/>
    <col min="2574" max="2816" width="9" style="3"/>
    <col min="2817" max="2817" width="2.375" style="3" customWidth="1"/>
    <col min="2818" max="2818" width="3.5" style="3" bestFit="1" customWidth="1"/>
    <col min="2819" max="2819" width="2.25" style="3" customWidth="1"/>
    <col min="2820" max="2820" width="5.5" style="3" bestFit="1" customWidth="1"/>
    <col min="2821" max="2821" width="16.125" style="3" bestFit="1" customWidth="1"/>
    <col min="2822" max="2822" width="9" style="3"/>
    <col min="2823" max="2823" width="10.875" style="3" customWidth="1"/>
    <col min="2824" max="2824" width="11.625" style="3" bestFit="1" customWidth="1"/>
    <col min="2825" max="2825" width="12.75" style="3" bestFit="1" customWidth="1"/>
    <col min="2826" max="2826" width="12.875" style="3" bestFit="1" customWidth="1"/>
    <col min="2827" max="2828" width="9" style="3"/>
    <col min="2829" max="2829" width="9.5" style="3" bestFit="1" customWidth="1"/>
    <col min="2830" max="3072" width="9" style="3"/>
    <col min="3073" max="3073" width="2.375" style="3" customWidth="1"/>
    <col min="3074" max="3074" width="3.5" style="3" bestFit="1" customWidth="1"/>
    <col min="3075" max="3075" width="2.25" style="3" customWidth="1"/>
    <col min="3076" max="3076" width="5.5" style="3" bestFit="1" customWidth="1"/>
    <col min="3077" max="3077" width="16.125" style="3" bestFit="1" customWidth="1"/>
    <col min="3078" max="3078" width="9" style="3"/>
    <col min="3079" max="3079" width="10.875" style="3" customWidth="1"/>
    <col min="3080" max="3080" width="11.625" style="3" bestFit="1" customWidth="1"/>
    <col min="3081" max="3081" width="12.75" style="3" bestFit="1" customWidth="1"/>
    <col min="3082" max="3082" width="12.875" style="3" bestFit="1" customWidth="1"/>
    <col min="3083" max="3084" width="9" style="3"/>
    <col min="3085" max="3085" width="9.5" style="3" bestFit="1" customWidth="1"/>
    <col min="3086" max="3328" width="9" style="3"/>
    <col min="3329" max="3329" width="2.375" style="3" customWidth="1"/>
    <col min="3330" max="3330" width="3.5" style="3" bestFit="1" customWidth="1"/>
    <col min="3331" max="3331" width="2.25" style="3" customWidth="1"/>
    <col min="3332" max="3332" width="5.5" style="3" bestFit="1" customWidth="1"/>
    <col min="3333" max="3333" width="16.125" style="3" bestFit="1" customWidth="1"/>
    <col min="3334" max="3334" width="9" style="3"/>
    <col min="3335" max="3335" width="10.875" style="3" customWidth="1"/>
    <col min="3336" max="3336" width="11.625" style="3" bestFit="1" customWidth="1"/>
    <col min="3337" max="3337" width="12.75" style="3" bestFit="1" customWidth="1"/>
    <col min="3338" max="3338" width="12.875" style="3" bestFit="1" customWidth="1"/>
    <col min="3339" max="3340" width="9" style="3"/>
    <col min="3341" max="3341" width="9.5" style="3" bestFit="1" customWidth="1"/>
    <col min="3342" max="3584" width="9" style="3"/>
    <col min="3585" max="3585" width="2.375" style="3" customWidth="1"/>
    <col min="3586" max="3586" width="3.5" style="3" bestFit="1" customWidth="1"/>
    <col min="3587" max="3587" width="2.25" style="3" customWidth="1"/>
    <col min="3588" max="3588" width="5.5" style="3" bestFit="1" customWidth="1"/>
    <col min="3589" max="3589" width="16.125" style="3" bestFit="1" customWidth="1"/>
    <col min="3590" max="3590" width="9" style="3"/>
    <col min="3591" max="3591" width="10.875" style="3" customWidth="1"/>
    <col min="3592" max="3592" width="11.625" style="3" bestFit="1" customWidth="1"/>
    <col min="3593" max="3593" width="12.75" style="3" bestFit="1" customWidth="1"/>
    <col min="3594" max="3594" width="12.875" style="3" bestFit="1" customWidth="1"/>
    <col min="3595" max="3596" width="9" style="3"/>
    <col min="3597" max="3597" width="9.5" style="3" bestFit="1" customWidth="1"/>
    <col min="3598" max="3840" width="9" style="3"/>
    <col min="3841" max="3841" width="2.375" style="3" customWidth="1"/>
    <col min="3842" max="3842" width="3.5" style="3" bestFit="1" customWidth="1"/>
    <col min="3843" max="3843" width="2.25" style="3" customWidth="1"/>
    <col min="3844" max="3844" width="5.5" style="3" bestFit="1" customWidth="1"/>
    <col min="3845" max="3845" width="16.125" style="3" bestFit="1" customWidth="1"/>
    <col min="3846" max="3846" width="9" style="3"/>
    <col min="3847" max="3847" width="10.875" style="3" customWidth="1"/>
    <col min="3848" max="3848" width="11.625" style="3" bestFit="1" customWidth="1"/>
    <col min="3849" max="3849" width="12.75" style="3" bestFit="1" customWidth="1"/>
    <col min="3850" max="3850" width="12.875" style="3" bestFit="1" customWidth="1"/>
    <col min="3851" max="3852" width="9" style="3"/>
    <col min="3853" max="3853" width="9.5" style="3" bestFit="1" customWidth="1"/>
    <col min="3854" max="4096" width="9" style="3"/>
    <col min="4097" max="4097" width="2.375" style="3" customWidth="1"/>
    <col min="4098" max="4098" width="3.5" style="3" bestFit="1" customWidth="1"/>
    <col min="4099" max="4099" width="2.25" style="3" customWidth="1"/>
    <col min="4100" max="4100" width="5.5" style="3" bestFit="1" customWidth="1"/>
    <col min="4101" max="4101" width="16.125" style="3" bestFit="1" customWidth="1"/>
    <col min="4102" max="4102" width="9" style="3"/>
    <col min="4103" max="4103" width="10.875" style="3" customWidth="1"/>
    <col min="4104" max="4104" width="11.625" style="3" bestFit="1" customWidth="1"/>
    <col min="4105" max="4105" width="12.75" style="3" bestFit="1" customWidth="1"/>
    <col min="4106" max="4106" width="12.875" style="3" bestFit="1" customWidth="1"/>
    <col min="4107" max="4108" width="9" style="3"/>
    <col min="4109" max="4109" width="9.5" style="3" bestFit="1" customWidth="1"/>
    <col min="4110" max="4352" width="9" style="3"/>
    <col min="4353" max="4353" width="2.375" style="3" customWidth="1"/>
    <col min="4354" max="4354" width="3.5" style="3" bestFit="1" customWidth="1"/>
    <col min="4355" max="4355" width="2.25" style="3" customWidth="1"/>
    <col min="4356" max="4356" width="5.5" style="3" bestFit="1" customWidth="1"/>
    <col min="4357" max="4357" width="16.125" style="3" bestFit="1" customWidth="1"/>
    <col min="4358" max="4358" width="9" style="3"/>
    <col min="4359" max="4359" width="10.875" style="3" customWidth="1"/>
    <col min="4360" max="4360" width="11.625" style="3" bestFit="1" customWidth="1"/>
    <col min="4361" max="4361" width="12.75" style="3" bestFit="1" customWidth="1"/>
    <col min="4362" max="4362" width="12.875" style="3" bestFit="1" customWidth="1"/>
    <col min="4363" max="4364" width="9" style="3"/>
    <col min="4365" max="4365" width="9.5" style="3" bestFit="1" customWidth="1"/>
    <col min="4366" max="4608" width="9" style="3"/>
    <col min="4609" max="4609" width="2.375" style="3" customWidth="1"/>
    <col min="4610" max="4610" width="3.5" style="3" bestFit="1" customWidth="1"/>
    <col min="4611" max="4611" width="2.25" style="3" customWidth="1"/>
    <col min="4612" max="4612" width="5.5" style="3" bestFit="1" customWidth="1"/>
    <col min="4613" max="4613" width="16.125" style="3" bestFit="1" customWidth="1"/>
    <col min="4614" max="4614" width="9" style="3"/>
    <col min="4615" max="4615" width="10.875" style="3" customWidth="1"/>
    <col min="4616" max="4616" width="11.625" style="3" bestFit="1" customWidth="1"/>
    <col min="4617" max="4617" width="12.75" style="3" bestFit="1" customWidth="1"/>
    <col min="4618" max="4618" width="12.875" style="3" bestFit="1" customWidth="1"/>
    <col min="4619" max="4620" width="9" style="3"/>
    <col min="4621" max="4621" width="9.5" style="3" bestFit="1" customWidth="1"/>
    <col min="4622" max="4864" width="9" style="3"/>
    <col min="4865" max="4865" width="2.375" style="3" customWidth="1"/>
    <col min="4866" max="4866" width="3.5" style="3" bestFit="1" customWidth="1"/>
    <col min="4867" max="4867" width="2.25" style="3" customWidth="1"/>
    <col min="4868" max="4868" width="5.5" style="3" bestFit="1" customWidth="1"/>
    <col min="4869" max="4869" width="16.125" style="3" bestFit="1" customWidth="1"/>
    <col min="4870" max="4870" width="9" style="3"/>
    <col min="4871" max="4871" width="10.875" style="3" customWidth="1"/>
    <col min="4872" max="4872" width="11.625" style="3" bestFit="1" customWidth="1"/>
    <col min="4873" max="4873" width="12.75" style="3" bestFit="1" customWidth="1"/>
    <col min="4874" max="4874" width="12.875" style="3" bestFit="1" customWidth="1"/>
    <col min="4875" max="4876" width="9" style="3"/>
    <col min="4877" max="4877" width="9.5" style="3" bestFit="1" customWidth="1"/>
    <col min="4878" max="5120" width="9" style="3"/>
    <col min="5121" max="5121" width="2.375" style="3" customWidth="1"/>
    <col min="5122" max="5122" width="3.5" style="3" bestFit="1" customWidth="1"/>
    <col min="5123" max="5123" width="2.25" style="3" customWidth="1"/>
    <col min="5124" max="5124" width="5.5" style="3" bestFit="1" customWidth="1"/>
    <col min="5125" max="5125" width="16.125" style="3" bestFit="1" customWidth="1"/>
    <col min="5126" max="5126" width="9" style="3"/>
    <col min="5127" max="5127" width="10.875" style="3" customWidth="1"/>
    <col min="5128" max="5128" width="11.625" style="3" bestFit="1" customWidth="1"/>
    <col min="5129" max="5129" width="12.75" style="3" bestFit="1" customWidth="1"/>
    <col min="5130" max="5130" width="12.875" style="3" bestFit="1" customWidth="1"/>
    <col min="5131" max="5132" width="9" style="3"/>
    <col min="5133" max="5133" width="9.5" style="3" bestFit="1" customWidth="1"/>
    <col min="5134" max="5376" width="9" style="3"/>
    <col min="5377" max="5377" width="2.375" style="3" customWidth="1"/>
    <col min="5378" max="5378" width="3.5" style="3" bestFit="1" customWidth="1"/>
    <col min="5379" max="5379" width="2.25" style="3" customWidth="1"/>
    <col min="5380" max="5380" width="5.5" style="3" bestFit="1" customWidth="1"/>
    <col min="5381" max="5381" width="16.125" style="3" bestFit="1" customWidth="1"/>
    <col min="5382" max="5382" width="9" style="3"/>
    <col min="5383" max="5383" width="10.875" style="3" customWidth="1"/>
    <col min="5384" max="5384" width="11.625" style="3" bestFit="1" customWidth="1"/>
    <col min="5385" max="5385" width="12.75" style="3" bestFit="1" customWidth="1"/>
    <col min="5386" max="5386" width="12.875" style="3" bestFit="1" customWidth="1"/>
    <col min="5387" max="5388" width="9" style="3"/>
    <col min="5389" max="5389" width="9.5" style="3" bestFit="1" customWidth="1"/>
    <col min="5390" max="5632" width="9" style="3"/>
    <col min="5633" max="5633" width="2.375" style="3" customWidth="1"/>
    <col min="5634" max="5634" width="3.5" style="3" bestFit="1" customWidth="1"/>
    <col min="5635" max="5635" width="2.25" style="3" customWidth="1"/>
    <col min="5636" max="5636" width="5.5" style="3" bestFit="1" customWidth="1"/>
    <col min="5637" max="5637" width="16.125" style="3" bestFit="1" customWidth="1"/>
    <col min="5638" max="5638" width="9" style="3"/>
    <col min="5639" max="5639" width="10.875" style="3" customWidth="1"/>
    <col min="5640" max="5640" width="11.625" style="3" bestFit="1" customWidth="1"/>
    <col min="5641" max="5641" width="12.75" style="3" bestFit="1" customWidth="1"/>
    <col min="5642" max="5642" width="12.875" style="3" bestFit="1" customWidth="1"/>
    <col min="5643" max="5644" width="9" style="3"/>
    <col min="5645" max="5645" width="9.5" style="3" bestFit="1" customWidth="1"/>
    <col min="5646" max="5888" width="9" style="3"/>
    <col min="5889" max="5889" width="2.375" style="3" customWidth="1"/>
    <col min="5890" max="5890" width="3.5" style="3" bestFit="1" customWidth="1"/>
    <col min="5891" max="5891" width="2.25" style="3" customWidth="1"/>
    <col min="5892" max="5892" width="5.5" style="3" bestFit="1" customWidth="1"/>
    <col min="5893" max="5893" width="16.125" style="3" bestFit="1" customWidth="1"/>
    <col min="5894" max="5894" width="9" style="3"/>
    <col min="5895" max="5895" width="10.875" style="3" customWidth="1"/>
    <col min="5896" max="5896" width="11.625" style="3" bestFit="1" customWidth="1"/>
    <col min="5897" max="5897" width="12.75" style="3" bestFit="1" customWidth="1"/>
    <col min="5898" max="5898" width="12.875" style="3" bestFit="1" customWidth="1"/>
    <col min="5899" max="5900" width="9" style="3"/>
    <col min="5901" max="5901" width="9.5" style="3" bestFit="1" customWidth="1"/>
    <col min="5902" max="6144" width="9" style="3"/>
    <col min="6145" max="6145" width="2.375" style="3" customWidth="1"/>
    <col min="6146" max="6146" width="3.5" style="3" bestFit="1" customWidth="1"/>
    <col min="6147" max="6147" width="2.25" style="3" customWidth="1"/>
    <col min="6148" max="6148" width="5.5" style="3" bestFit="1" customWidth="1"/>
    <col min="6149" max="6149" width="16.125" style="3" bestFit="1" customWidth="1"/>
    <col min="6150" max="6150" width="9" style="3"/>
    <col min="6151" max="6151" width="10.875" style="3" customWidth="1"/>
    <col min="6152" max="6152" width="11.625" style="3" bestFit="1" customWidth="1"/>
    <col min="6153" max="6153" width="12.75" style="3" bestFit="1" customWidth="1"/>
    <col min="6154" max="6154" width="12.875" style="3" bestFit="1" customWidth="1"/>
    <col min="6155" max="6156" width="9" style="3"/>
    <col min="6157" max="6157" width="9.5" style="3" bestFit="1" customWidth="1"/>
    <col min="6158" max="6400" width="9" style="3"/>
    <col min="6401" max="6401" width="2.375" style="3" customWidth="1"/>
    <col min="6402" max="6402" width="3.5" style="3" bestFit="1" customWidth="1"/>
    <col min="6403" max="6403" width="2.25" style="3" customWidth="1"/>
    <col min="6404" max="6404" width="5.5" style="3" bestFit="1" customWidth="1"/>
    <col min="6405" max="6405" width="16.125" style="3" bestFit="1" customWidth="1"/>
    <col min="6406" max="6406" width="9" style="3"/>
    <col min="6407" max="6407" width="10.875" style="3" customWidth="1"/>
    <col min="6408" max="6408" width="11.625" style="3" bestFit="1" customWidth="1"/>
    <col min="6409" max="6409" width="12.75" style="3" bestFit="1" customWidth="1"/>
    <col min="6410" max="6410" width="12.875" style="3" bestFit="1" customWidth="1"/>
    <col min="6411" max="6412" width="9" style="3"/>
    <col min="6413" max="6413" width="9.5" style="3" bestFit="1" customWidth="1"/>
    <col min="6414" max="6656" width="9" style="3"/>
    <col min="6657" max="6657" width="2.375" style="3" customWidth="1"/>
    <col min="6658" max="6658" width="3.5" style="3" bestFit="1" customWidth="1"/>
    <col min="6659" max="6659" width="2.25" style="3" customWidth="1"/>
    <col min="6660" max="6660" width="5.5" style="3" bestFit="1" customWidth="1"/>
    <col min="6661" max="6661" width="16.125" style="3" bestFit="1" customWidth="1"/>
    <col min="6662" max="6662" width="9" style="3"/>
    <col min="6663" max="6663" width="10.875" style="3" customWidth="1"/>
    <col min="6664" max="6664" width="11.625" style="3" bestFit="1" customWidth="1"/>
    <col min="6665" max="6665" width="12.75" style="3" bestFit="1" customWidth="1"/>
    <col min="6666" max="6666" width="12.875" style="3" bestFit="1" customWidth="1"/>
    <col min="6667" max="6668" width="9" style="3"/>
    <col min="6669" max="6669" width="9.5" style="3" bestFit="1" customWidth="1"/>
    <col min="6670" max="6912" width="9" style="3"/>
    <col min="6913" max="6913" width="2.375" style="3" customWidth="1"/>
    <col min="6914" max="6914" width="3.5" style="3" bestFit="1" customWidth="1"/>
    <col min="6915" max="6915" width="2.25" style="3" customWidth="1"/>
    <col min="6916" max="6916" width="5.5" style="3" bestFit="1" customWidth="1"/>
    <col min="6917" max="6917" width="16.125" style="3" bestFit="1" customWidth="1"/>
    <col min="6918" max="6918" width="9" style="3"/>
    <col min="6919" max="6919" width="10.875" style="3" customWidth="1"/>
    <col min="6920" max="6920" width="11.625" style="3" bestFit="1" customWidth="1"/>
    <col min="6921" max="6921" width="12.75" style="3" bestFit="1" customWidth="1"/>
    <col min="6922" max="6922" width="12.875" style="3" bestFit="1" customWidth="1"/>
    <col min="6923" max="6924" width="9" style="3"/>
    <col min="6925" max="6925" width="9.5" style="3" bestFit="1" customWidth="1"/>
    <col min="6926" max="7168" width="9" style="3"/>
    <col min="7169" max="7169" width="2.375" style="3" customWidth="1"/>
    <col min="7170" max="7170" width="3.5" style="3" bestFit="1" customWidth="1"/>
    <col min="7171" max="7171" width="2.25" style="3" customWidth="1"/>
    <col min="7172" max="7172" width="5.5" style="3" bestFit="1" customWidth="1"/>
    <col min="7173" max="7173" width="16.125" style="3" bestFit="1" customWidth="1"/>
    <col min="7174" max="7174" width="9" style="3"/>
    <col min="7175" max="7175" width="10.875" style="3" customWidth="1"/>
    <col min="7176" max="7176" width="11.625" style="3" bestFit="1" customWidth="1"/>
    <col min="7177" max="7177" width="12.75" style="3" bestFit="1" customWidth="1"/>
    <col min="7178" max="7178" width="12.875" style="3" bestFit="1" customWidth="1"/>
    <col min="7179" max="7180" width="9" style="3"/>
    <col min="7181" max="7181" width="9.5" style="3" bestFit="1" customWidth="1"/>
    <col min="7182" max="7424" width="9" style="3"/>
    <col min="7425" max="7425" width="2.375" style="3" customWidth="1"/>
    <col min="7426" max="7426" width="3.5" style="3" bestFit="1" customWidth="1"/>
    <col min="7427" max="7427" width="2.25" style="3" customWidth="1"/>
    <col min="7428" max="7428" width="5.5" style="3" bestFit="1" customWidth="1"/>
    <col min="7429" max="7429" width="16.125" style="3" bestFit="1" customWidth="1"/>
    <col min="7430" max="7430" width="9" style="3"/>
    <col min="7431" max="7431" width="10.875" style="3" customWidth="1"/>
    <col min="7432" max="7432" width="11.625" style="3" bestFit="1" customWidth="1"/>
    <col min="7433" max="7433" width="12.75" style="3" bestFit="1" customWidth="1"/>
    <col min="7434" max="7434" width="12.875" style="3" bestFit="1" customWidth="1"/>
    <col min="7435" max="7436" width="9" style="3"/>
    <col min="7437" max="7437" width="9.5" style="3" bestFit="1" customWidth="1"/>
    <col min="7438" max="7680" width="9" style="3"/>
    <col min="7681" max="7681" width="2.375" style="3" customWidth="1"/>
    <col min="7682" max="7682" width="3.5" style="3" bestFit="1" customWidth="1"/>
    <col min="7683" max="7683" width="2.25" style="3" customWidth="1"/>
    <col min="7684" max="7684" width="5.5" style="3" bestFit="1" customWidth="1"/>
    <col min="7685" max="7685" width="16.125" style="3" bestFit="1" customWidth="1"/>
    <col min="7686" max="7686" width="9" style="3"/>
    <col min="7687" max="7687" width="10.875" style="3" customWidth="1"/>
    <col min="7688" max="7688" width="11.625" style="3" bestFit="1" customWidth="1"/>
    <col min="7689" max="7689" width="12.75" style="3" bestFit="1" customWidth="1"/>
    <col min="7690" max="7690" width="12.875" style="3" bestFit="1" customWidth="1"/>
    <col min="7691" max="7692" width="9" style="3"/>
    <col min="7693" max="7693" width="9.5" style="3" bestFit="1" customWidth="1"/>
    <col min="7694" max="7936" width="9" style="3"/>
    <col min="7937" max="7937" width="2.375" style="3" customWidth="1"/>
    <col min="7938" max="7938" width="3.5" style="3" bestFit="1" customWidth="1"/>
    <col min="7939" max="7939" width="2.25" style="3" customWidth="1"/>
    <col min="7940" max="7940" width="5.5" style="3" bestFit="1" customWidth="1"/>
    <col min="7941" max="7941" width="16.125" style="3" bestFit="1" customWidth="1"/>
    <col min="7942" max="7942" width="9" style="3"/>
    <col min="7943" max="7943" width="10.875" style="3" customWidth="1"/>
    <col min="7944" max="7944" width="11.625" style="3" bestFit="1" customWidth="1"/>
    <col min="7945" max="7945" width="12.75" style="3" bestFit="1" customWidth="1"/>
    <col min="7946" max="7946" width="12.875" style="3" bestFit="1" customWidth="1"/>
    <col min="7947" max="7948" width="9" style="3"/>
    <col min="7949" max="7949" width="9.5" style="3" bestFit="1" customWidth="1"/>
    <col min="7950" max="8192" width="9" style="3"/>
    <col min="8193" max="8193" width="2.375" style="3" customWidth="1"/>
    <col min="8194" max="8194" width="3.5" style="3" bestFit="1" customWidth="1"/>
    <col min="8195" max="8195" width="2.25" style="3" customWidth="1"/>
    <col min="8196" max="8196" width="5.5" style="3" bestFit="1" customWidth="1"/>
    <col min="8197" max="8197" width="16.125" style="3" bestFit="1" customWidth="1"/>
    <col min="8198" max="8198" width="9" style="3"/>
    <col min="8199" max="8199" width="10.875" style="3" customWidth="1"/>
    <col min="8200" max="8200" width="11.625" style="3" bestFit="1" customWidth="1"/>
    <col min="8201" max="8201" width="12.75" style="3" bestFit="1" customWidth="1"/>
    <col min="8202" max="8202" width="12.875" style="3" bestFit="1" customWidth="1"/>
    <col min="8203" max="8204" width="9" style="3"/>
    <col min="8205" max="8205" width="9.5" style="3" bestFit="1" customWidth="1"/>
    <col min="8206" max="8448" width="9" style="3"/>
    <col min="8449" max="8449" width="2.375" style="3" customWidth="1"/>
    <col min="8450" max="8450" width="3.5" style="3" bestFit="1" customWidth="1"/>
    <col min="8451" max="8451" width="2.25" style="3" customWidth="1"/>
    <col min="8452" max="8452" width="5.5" style="3" bestFit="1" customWidth="1"/>
    <col min="8453" max="8453" width="16.125" style="3" bestFit="1" customWidth="1"/>
    <col min="8454" max="8454" width="9" style="3"/>
    <col min="8455" max="8455" width="10.875" style="3" customWidth="1"/>
    <col min="8456" max="8456" width="11.625" style="3" bestFit="1" customWidth="1"/>
    <col min="8457" max="8457" width="12.75" style="3" bestFit="1" customWidth="1"/>
    <col min="8458" max="8458" width="12.875" style="3" bestFit="1" customWidth="1"/>
    <col min="8459" max="8460" width="9" style="3"/>
    <col min="8461" max="8461" width="9.5" style="3" bestFit="1" customWidth="1"/>
    <col min="8462" max="8704" width="9" style="3"/>
    <col min="8705" max="8705" width="2.375" style="3" customWidth="1"/>
    <col min="8706" max="8706" width="3.5" style="3" bestFit="1" customWidth="1"/>
    <col min="8707" max="8707" width="2.25" style="3" customWidth="1"/>
    <col min="8708" max="8708" width="5.5" style="3" bestFit="1" customWidth="1"/>
    <col min="8709" max="8709" width="16.125" style="3" bestFit="1" customWidth="1"/>
    <col min="8710" max="8710" width="9" style="3"/>
    <col min="8711" max="8711" width="10.875" style="3" customWidth="1"/>
    <col min="8712" max="8712" width="11.625" style="3" bestFit="1" customWidth="1"/>
    <col min="8713" max="8713" width="12.75" style="3" bestFit="1" customWidth="1"/>
    <col min="8714" max="8714" width="12.875" style="3" bestFit="1" customWidth="1"/>
    <col min="8715" max="8716" width="9" style="3"/>
    <col min="8717" max="8717" width="9.5" style="3" bestFit="1" customWidth="1"/>
    <col min="8718" max="8960" width="9" style="3"/>
    <col min="8961" max="8961" width="2.375" style="3" customWidth="1"/>
    <col min="8962" max="8962" width="3.5" style="3" bestFit="1" customWidth="1"/>
    <col min="8963" max="8963" width="2.25" style="3" customWidth="1"/>
    <col min="8964" max="8964" width="5.5" style="3" bestFit="1" customWidth="1"/>
    <col min="8965" max="8965" width="16.125" style="3" bestFit="1" customWidth="1"/>
    <col min="8966" max="8966" width="9" style="3"/>
    <col min="8967" max="8967" width="10.875" style="3" customWidth="1"/>
    <col min="8968" max="8968" width="11.625" style="3" bestFit="1" customWidth="1"/>
    <col min="8969" max="8969" width="12.75" style="3" bestFit="1" customWidth="1"/>
    <col min="8970" max="8970" width="12.875" style="3" bestFit="1" customWidth="1"/>
    <col min="8971" max="8972" width="9" style="3"/>
    <col min="8973" max="8973" width="9.5" style="3" bestFit="1" customWidth="1"/>
    <col min="8974" max="9216" width="9" style="3"/>
    <col min="9217" max="9217" width="2.375" style="3" customWidth="1"/>
    <col min="9218" max="9218" width="3.5" style="3" bestFit="1" customWidth="1"/>
    <col min="9219" max="9219" width="2.25" style="3" customWidth="1"/>
    <col min="9220" max="9220" width="5.5" style="3" bestFit="1" customWidth="1"/>
    <col min="9221" max="9221" width="16.125" style="3" bestFit="1" customWidth="1"/>
    <col min="9222" max="9222" width="9" style="3"/>
    <col min="9223" max="9223" width="10.875" style="3" customWidth="1"/>
    <col min="9224" max="9224" width="11.625" style="3" bestFit="1" customWidth="1"/>
    <col min="9225" max="9225" width="12.75" style="3" bestFit="1" customWidth="1"/>
    <col min="9226" max="9226" width="12.875" style="3" bestFit="1" customWidth="1"/>
    <col min="9227" max="9228" width="9" style="3"/>
    <col min="9229" max="9229" width="9.5" style="3" bestFit="1" customWidth="1"/>
    <col min="9230" max="9472" width="9" style="3"/>
    <col min="9473" max="9473" width="2.375" style="3" customWidth="1"/>
    <col min="9474" max="9474" width="3.5" style="3" bestFit="1" customWidth="1"/>
    <col min="9475" max="9475" width="2.25" style="3" customWidth="1"/>
    <col min="9476" max="9476" width="5.5" style="3" bestFit="1" customWidth="1"/>
    <col min="9477" max="9477" width="16.125" style="3" bestFit="1" customWidth="1"/>
    <col min="9478" max="9478" width="9" style="3"/>
    <col min="9479" max="9479" width="10.875" style="3" customWidth="1"/>
    <col min="9480" max="9480" width="11.625" style="3" bestFit="1" customWidth="1"/>
    <col min="9481" max="9481" width="12.75" style="3" bestFit="1" customWidth="1"/>
    <col min="9482" max="9482" width="12.875" style="3" bestFit="1" customWidth="1"/>
    <col min="9483" max="9484" width="9" style="3"/>
    <col min="9485" max="9485" width="9.5" style="3" bestFit="1" customWidth="1"/>
    <col min="9486" max="9728" width="9" style="3"/>
    <col min="9729" max="9729" width="2.375" style="3" customWidth="1"/>
    <col min="9730" max="9730" width="3.5" style="3" bestFit="1" customWidth="1"/>
    <col min="9731" max="9731" width="2.25" style="3" customWidth="1"/>
    <col min="9732" max="9732" width="5.5" style="3" bestFit="1" customWidth="1"/>
    <col min="9733" max="9733" width="16.125" style="3" bestFit="1" customWidth="1"/>
    <col min="9734" max="9734" width="9" style="3"/>
    <col min="9735" max="9735" width="10.875" style="3" customWidth="1"/>
    <col min="9736" max="9736" width="11.625" style="3" bestFit="1" customWidth="1"/>
    <col min="9737" max="9737" width="12.75" style="3" bestFit="1" customWidth="1"/>
    <col min="9738" max="9738" width="12.875" style="3" bestFit="1" customWidth="1"/>
    <col min="9739" max="9740" width="9" style="3"/>
    <col min="9741" max="9741" width="9.5" style="3" bestFit="1" customWidth="1"/>
    <col min="9742" max="9984" width="9" style="3"/>
    <col min="9985" max="9985" width="2.375" style="3" customWidth="1"/>
    <col min="9986" max="9986" width="3.5" style="3" bestFit="1" customWidth="1"/>
    <col min="9987" max="9987" width="2.25" style="3" customWidth="1"/>
    <col min="9988" max="9988" width="5.5" style="3" bestFit="1" customWidth="1"/>
    <col min="9989" max="9989" width="16.125" style="3" bestFit="1" customWidth="1"/>
    <col min="9990" max="9990" width="9" style="3"/>
    <col min="9991" max="9991" width="10.875" style="3" customWidth="1"/>
    <col min="9992" max="9992" width="11.625" style="3" bestFit="1" customWidth="1"/>
    <col min="9993" max="9993" width="12.75" style="3" bestFit="1" customWidth="1"/>
    <col min="9994" max="9994" width="12.875" style="3" bestFit="1" customWidth="1"/>
    <col min="9995" max="9996" width="9" style="3"/>
    <col min="9997" max="9997" width="9.5" style="3" bestFit="1" customWidth="1"/>
    <col min="9998" max="10240" width="9" style="3"/>
    <col min="10241" max="10241" width="2.375" style="3" customWidth="1"/>
    <col min="10242" max="10242" width="3.5" style="3" bestFit="1" customWidth="1"/>
    <col min="10243" max="10243" width="2.25" style="3" customWidth="1"/>
    <col min="10244" max="10244" width="5.5" style="3" bestFit="1" customWidth="1"/>
    <col min="10245" max="10245" width="16.125" style="3" bestFit="1" customWidth="1"/>
    <col min="10246" max="10246" width="9" style="3"/>
    <col min="10247" max="10247" width="10.875" style="3" customWidth="1"/>
    <col min="10248" max="10248" width="11.625" style="3" bestFit="1" customWidth="1"/>
    <col min="10249" max="10249" width="12.75" style="3" bestFit="1" customWidth="1"/>
    <col min="10250" max="10250" width="12.875" style="3" bestFit="1" customWidth="1"/>
    <col min="10251" max="10252" width="9" style="3"/>
    <col min="10253" max="10253" width="9.5" style="3" bestFit="1" customWidth="1"/>
    <col min="10254" max="10496" width="9" style="3"/>
    <col min="10497" max="10497" width="2.375" style="3" customWidth="1"/>
    <col min="10498" max="10498" width="3.5" style="3" bestFit="1" customWidth="1"/>
    <col min="10499" max="10499" width="2.25" style="3" customWidth="1"/>
    <col min="10500" max="10500" width="5.5" style="3" bestFit="1" customWidth="1"/>
    <col min="10501" max="10501" width="16.125" style="3" bestFit="1" customWidth="1"/>
    <col min="10502" max="10502" width="9" style="3"/>
    <col min="10503" max="10503" width="10.875" style="3" customWidth="1"/>
    <col min="10504" max="10504" width="11.625" style="3" bestFit="1" customWidth="1"/>
    <col min="10505" max="10505" width="12.75" style="3" bestFit="1" customWidth="1"/>
    <col min="10506" max="10506" width="12.875" style="3" bestFit="1" customWidth="1"/>
    <col min="10507" max="10508" width="9" style="3"/>
    <col min="10509" max="10509" width="9.5" style="3" bestFit="1" customWidth="1"/>
    <col min="10510" max="10752" width="9" style="3"/>
    <col min="10753" max="10753" width="2.375" style="3" customWidth="1"/>
    <col min="10754" max="10754" width="3.5" style="3" bestFit="1" customWidth="1"/>
    <col min="10755" max="10755" width="2.25" style="3" customWidth="1"/>
    <col min="10756" max="10756" width="5.5" style="3" bestFit="1" customWidth="1"/>
    <col min="10757" max="10757" width="16.125" style="3" bestFit="1" customWidth="1"/>
    <col min="10758" max="10758" width="9" style="3"/>
    <col min="10759" max="10759" width="10.875" style="3" customWidth="1"/>
    <col min="10760" max="10760" width="11.625" style="3" bestFit="1" customWidth="1"/>
    <col min="10761" max="10761" width="12.75" style="3" bestFit="1" customWidth="1"/>
    <col min="10762" max="10762" width="12.875" style="3" bestFit="1" customWidth="1"/>
    <col min="10763" max="10764" width="9" style="3"/>
    <col min="10765" max="10765" width="9.5" style="3" bestFit="1" customWidth="1"/>
    <col min="10766" max="11008" width="9" style="3"/>
    <col min="11009" max="11009" width="2.375" style="3" customWidth="1"/>
    <col min="11010" max="11010" width="3.5" style="3" bestFit="1" customWidth="1"/>
    <col min="11011" max="11011" width="2.25" style="3" customWidth="1"/>
    <col min="11012" max="11012" width="5.5" style="3" bestFit="1" customWidth="1"/>
    <col min="11013" max="11013" width="16.125" style="3" bestFit="1" customWidth="1"/>
    <col min="11014" max="11014" width="9" style="3"/>
    <col min="11015" max="11015" width="10.875" style="3" customWidth="1"/>
    <col min="11016" max="11016" width="11.625" style="3" bestFit="1" customWidth="1"/>
    <col min="11017" max="11017" width="12.75" style="3" bestFit="1" customWidth="1"/>
    <col min="11018" max="11018" width="12.875" style="3" bestFit="1" customWidth="1"/>
    <col min="11019" max="11020" width="9" style="3"/>
    <col min="11021" max="11021" width="9.5" style="3" bestFit="1" customWidth="1"/>
    <col min="11022" max="11264" width="9" style="3"/>
    <col min="11265" max="11265" width="2.375" style="3" customWidth="1"/>
    <col min="11266" max="11266" width="3.5" style="3" bestFit="1" customWidth="1"/>
    <col min="11267" max="11267" width="2.25" style="3" customWidth="1"/>
    <col min="11268" max="11268" width="5.5" style="3" bestFit="1" customWidth="1"/>
    <col min="11269" max="11269" width="16.125" style="3" bestFit="1" customWidth="1"/>
    <col min="11270" max="11270" width="9" style="3"/>
    <col min="11271" max="11271" width="10.875" style="3" customWidth="1"/>
    <col min="11272" max="11272" width="11.625" style="3" bestFit="1" customWidth="1"/>
    <col min="11273" max="11273" width="12.75" style="3" bestFit="1" customWidth="1"/>
    <col min="11274" max="11274" width="12.875" style="3" bestFit="1" customWidth="1"/>
    <col min="11275" max="11276" width="9" style="3"/>
    <col min="11277" max="11277" width="9.5" style="3" bestFit="1" customWidth="1"/>
    <col min="11278" max="11520" width="9" style="3"/>
    <col min="11521" max="11521" width="2.375" style="3" customWidth="1"/>
    <col min="11522" max="11522" width="3.5" style="3" bestFit="1" customWidth="1"/>
    <col min="11523" max="11523" width="2.25" style="3" customWidth="1"/>
    <col min="11524" max="11524" width="5.5" style="3" bestFit="1" customWidth="1"/>
    <col min="11525" max="11525" width="16.125" style="3" bestFit="1" customWidth="1"/>
    <col min="11526" max="11526" width="9" style="3"/>
    <col min="11527" max="11527" width="10.875" style="3" customWidth="1"/>
    <col min="11528" max="11528" width="11.625" style="3" bestFit="1" customWidth="1"/>
    <col min="11529" max="11529" width="12.75" style="3" bestFit="1" customWidth="1"/>
    <col min="11530" max="11530" width="12.875" style="3" bestFit="1" customWidth="1"/>
    <col min="11531" max="11532" width="9" style="3"/>
    <col min="11533" max="11533" width="9.5" style="3" bestFit="1" customWidth="1"/>
    <col min="11534" max="11776" width="9" style="3"/>
    <col min="11777" max="11777" width="2.375" style="3" customWidth="1"/>
    <col min="11778" max="11778" width="3.5" style="3" bestFit="1" customWidth="1"/>
    <col min="11779" max="11779" width="2.25" style="3" customWidth="1"/>
    <col min="11780" max="11780" width="5.5" style="3" bestFit="1" customWidth="1"/>
    <col min="11781" max="11781" width="16.125" style="3" bestFit="1" customWidth="1"/>
    <col min="11782" max="11782" width="9" style="3"/>
    <col min="11783" max="11783" width="10.875" style="3" customWidth="1"/>
    <col min="11784" max="11784" width="11.625" style="3" bestFit="1" customWidth="1"/>
    <col min="11785" max="11785" width="12.75" style="3" bestFit="1" customWidth="1"/>
    <col min="11786" max="11786" width="12.875" style="3" bestFit="1" customWidth="1"/>
    <col min="11787" max="11788" width="9" style="3"/>
    <col min="11789" max="11789" width="9.5" style="3" bestFit="1" customWidth="1"/>
    <col min="11790" max="12032" width="9" style="3"/>
    <col min="12033" max="12033" width="2.375" style="3" customWidth="1"/>
    <col min="12034" max="12034" width="3.5" style="3" bestFit="1" customWidth="1"/>
    <col min="12035" max="12035" width="2.25" style="3" customWidth="1"/>
    <col min="12036" max="12036" width="5.5" style="3" bestFit="1" customWidth="1"/>
    <col min="12037" max="12037" width="16.125" style="3" bestFit="1" customWidth="1"/>
    <col min="12038" max="12038" width="9" style="3"/>
    <col min="12039" max="12039" width="10.875" style="3" customWidth="1"/>
    <col min="12040" max="12040" width="11.625" style="3" bestFit="1" customWidth="1"/>
    <col min="12041" max="12041" width="12.75" style="3" bestFit="1" customWidth="1"/>
    <col min="12042" max="12042" width="12.875" style="3" bestFit="1" customWidth="1"/>
    <col min="12043" max="12044" width="9" style="3"/>
    <col min="12045" max="12045" width="9.5" style="3" bestFit="1" customWidth="1"/>
    <col min="12046" max="12288" width="9" style="3"/>
    <col min="12289" max="12289" width="2.375" style="3" customWidth="1"/>
    <col min="12290" max="12290" width="3.5" style="3" bestFit="1" customWidth="1"/>
    <col min="12291" max="12291" width="2.25" style="3" customWidth="1"/>
    <col min="12292" max="12292" width="5.5" style="3" bestFit="1" customWidth="1"/>
    <col min="12293" max="12293" width="16.125" style="3" bestFit="1" customWidth="1"/>
    <col min="12294" max="12294" width="9" style="3"/>
    <col min="12295" max="12295" width="10.875" style="3" customWidth="1"/>
    <col min="12296" max="12296" width="11.625" style="3" bestFit="1" customWidth="1"/>
    <col min="12297" max="12297" width="12.75" style="3" bestFit="1" customWidth="1"/>
    <col min="12298" max="12298" width="12.875" style="3" bestFit="1" customWidth="1"/>
    <col min="12299" max="12300" width="9" style="3"/>
    <col min="12301" max="12301" width="9.5" style="3" bestFit="1" customWidth="1"/>
    <col min="12302" max="12544" width="9" style="3"/>
    <col min="12545" max="12545" width="2.375" style="3" customWidth="1"/>
    <col min="12546" max="12546" width="3.5" style="3" bestFit="1" customWidth="1"/>
    <col min="12547" max="12547" width="2.25" style="3" customWidth="1"/>
    <col min="12548" max="12548" width="5.5" style="3" bestFit="1" customWidth="1"/>
    <col min="12549" max="12549" width="16.125" style="3" bestFit="1" customWidth="1"/>
    <col min="12550" max="12550" width="9" style="3"/>
    <col min="12551" max="12551" width="10.875" style="3" customWidth="1"/>
    <col min="12552" max="12552" width="11.625" style="3" bestFit="1" customWidth="1"/>
    <col min="12553" max="12553" width="12.75" style="3" bestFit="1" customWidth="1"/>
    <col min="12554" max="12554" width="12.875" style="3" bestFit="1" customWidth="1"/>
    <col min="12555" max="12556" width="9" style="3"/>
    <col min="12557" max="12557" width="9.5" style="3" bestFit="1" customWidth="1"/>
    <col min="12558" max="12800" width="9" style="3"/>
    <col min="12801" max="12801" width="2.375" style="3" customWidth="1"/>
    <col min="12802" max="12802" width="3.5" style="3" bestFit="1" customWidth="1"/>
    <col min="12803" max="12803" width="2.25" style="3" customWidth="1"/>
    <col min="12804" max="12804" width="5.5" style="3" bestFit="1" customWidth="1"/>
    <col min="12805" max="12805" width="16.125" style="3" bestFit="1" customWidth="1"/>
    <col min="12806" max="12806" width="9" style="3"/>
    <col min="12807" max="12807" width="10.875" style="3" customWidth="1"/>
    <col min="12808" max="12808" width="11.625" style="3" bestFit="1" customWidth="1"/>
    <col min="12809" max="12809" width="12.75" style="3" bestFit="1" customWidth="1"/>
    <col min="12810" max="12810" width="12.875" style="3" bestFit="1" customWidth="1"/>
    <col min="12811" max="12812" width="9" style="3"/>
    <col min="12813" max="12813" width="9.5" style="3" bestFit="1" customWidth="1"/>
    <col min="12814" max="13056" width="9" style="3"/>
    <col min="13057" max="13057" width="2.375" style="3" customWidth="1"/>
    <col min="13058" max="13058" width="3.5" style="3" bestFit="1" customWidth="1"/>
    <col min="13059" max="13059" width="2.25" style="3" customWidth="1"/>
    <col min="13060" max="13060" width="5.5" style="3" bestFit="1" customWidth="1"/>
    <col min="13061" max="13061" width="16.125" style="3" bestFit="1" customWidth="1"/>
    <col min="13062" max="13062" width="9" style="3"/>
    <col min="13063" max="13063" width="10.875" style="3" customWidth="1"/>
    <col min="13064" max="13064" width="11.625" style="3" bestFit="1" customWidth="1"/>
    <col min="13065" max="13065" width="12.75" style="3" bestFit="1" customWidth="1"/>
    <col min="13066" max="13066" width="12.875" style="3" bestFit="1" customWidth="1"/>
    <col min="13067" max="13068" width="9" style="3"/>
    <col min="13069" max="13069" width="9.5" style="3" bestFit="1" customWidth="1"/>
    <col min="13070" max="13312" width="9" style="3"/>
    <col min="13313" max="13313" width="2.375" style="3" customWidth="1"/>
    <col min="13314" max="13314" width="3.5" style="3" bestFit="1" customWidth="1"/>
    <col min="13315" max="13315" width="2.25" style="3" customWidth="1"/>
    <col min="13316" max="13316" width="5.5" style="3" bestFit="1" customWidth="1"/>
    <col min="13317" max="13317" width="16.125" style="3" bestFit="1" customWidth="1"/>
    <col min="13318" max="13318" width="9" style="3"/>
    <col min="13319" max="13319" width="10.875" style="3" customWidth="1"/>
    <col min="13320" max="13320" width="11.625" style="3" bestFit="1" customWidth="1"/>
    <col min="13321" max="13321" width="12.75" style="3" bestFit="1" customWidth="1"/>
    <col min="13322" max="13322" width="12.875" style="3" bestFit="1" customWidth="1"/>
    <col min="13323" max="13324" width="9" style="3"/>
    <col min="13325" max="13325" width="9.5" style="3" bestFit="1" customWidth="1"/>
    <col min="13326" max="13568" width="9" style="3"/>
    <col min="13569" max="13569" width="2.375" style="3" customWidth="1"/>
    <col min="13570" max="13570" width="3.5" style="3" bestFit="1" customWidth="1"/>
    <col min="13571" max="13571" width="2.25" style="3" customWidth="1"/>
    <col min="13572" max="13572" width="5.5" style="3" bestFit="1" customWidth="1"/>
    <col min="13573" max="13573" width="16.125" style="3" bestFit="1" customWidth="1"/>
    <col min="13574" max="13574" width="9" style="3"/>
    <col min="13575" max="13575" width="10.875" style="3" customWidth="1"/>
    <col min="13576" max="13576" width="11.625" style="3" bestFit="1" customWidth="1"/>
    <col min="13577" max="13577" width="12.75" style="3" bestFit="1" customWidth="1"/>
    <col min="13578" max="13578" width="12.875" style="3" bestFit="1" customWidth="1"/>
    <col min="13579" max="13580" width="9" style="3"/>
    <col min="13581" max="13581" width="9.5" style="3" bestFit="1" customWidth="1"/>
    <col min="13582" max="13824" width="9" style="3"/>
    <col min="13825" max="13825" width="2.375" style="3" customWidth="1"/>
    <col min="13826" max="13826" width="3.5" style="3" bestFit="1" customWidth="1"/>
    <col min="13827" max="13827" width="2.25" style="3" customWidth="1"/>
    <col min="13828" max="13828" width="5.5" style="3" bestFit="1" customWidth="1"/>
    <col min="13829" max="13829" width="16.125" style="3" bestFit="1" customWidth="1"/>
    <col min="13830" max="13830" width="9" style="3"/>
    <col min="13831" max="13831" width="10.875" style="3" customWidth="1"/>
    <col min="13832" max="13832" width="11.625" style="3" bestFit="1" customWidth="1"/>
    <col min="13833" max="13833" width="12.75" style="3" bestFit="1" customWidth="1"/>
    <col min="13834" max="13834" width="12.875" style="3" bestFit="1" customWidth="1"/>
    <col min="13835" max="13836" width="9" style="3"/>
    <col min="13837" max="13837" width="9.5" style="3" bestFit="1" customWidth="1"/>
    <col min="13838" max="14080" width="9" style="3"/>
    <col min="14081" max="14081" width="2.375" style="3" customWidth="1"/>
    <col min="14082" max="14082" width="3.5" style="3" bestFit="1" customWidth="1"/>
    <col min="14083" max="14083" width="2.25" style="3" customWidth="1"/>
    <col min="14084" max="14084" width="5.5" style="3" bestFit="1" customWidth="1"/>
    <col min="14085" max="14085" width="16.125" style="3" bestFit="1" customWidth="1"/>
    <col min="14086" max="14086" width="9" style="3"/>
    <col min="14087" max="14087" width="10.875" style="3" customWidth="1"/>
    <col min="14088" max="14088" width="11.625" style="3" bestFit="1" customWidth="1"/>
    <col min="14089" max="14089" width="12.75" style="3" bestFit="1" customWidth="1"/>
    <col min="14090" max="14090" width="12.875" style="3" bestFit="1" customWidth="1"/>
    <col min="14091" max="14092" width="9" style="3"/>
    <col min="14093" max="14093" width="9.5" style="3" bestFit="1" customWidth="1"/>
    <col min="14094" max="14336" width="9" style="3"/>
    <col min="14337" max="14337" width="2.375" style="3" customWidth="1"/>
    <col min="14338" max="14338" width="3.5" style="3" bestFit="1" customWidth="1"/>
    <col min="14339" max="14339" width="2.25" style="3" customWidth="1"/>
    <col min="14340" max="14340" width="5.5" style="3" bestFit="1" customWidth="1"/>
    <col min="14341" max="14341" width="16.125" style="3" bestFit="1" customWidth="1"/>
    <col min="14342" max="14342" width="9" style="3"/>
    <col min="14343" max="14343" width="10.875" style="3" customWidth="1"/>
    <col min="14344" max="14344" width="11.625" style="3" bestFit="1" customWidth="1"/>
    <col min="14345" max="14345" width="12.75" style="3" bestFit="1" customWidth="1"/>
    <col min="14346" max="14346" width="12.875" style="3" bestFit="1" customWidth="1"/>
    <col min="14347" max="14348" width="9" style="3"/>
    <col min="14349" max="14349" width="9.5" style="3" bestFit="1" customWidth="1"/>
    <col min="14350" max="14592" width="9" style="3"/>
    <col min="14593" max="14593" width="2.375" style="3" customWidth="1"/>
    <col min="14594" max="14594" width="3.5" style="3" bestFit="1" customWidth="1"/>
    <col min="14595" max="14595" width="2.25" style="3" customWidth="1"/>
    <col min="14596" max="14596" width="5.5" style="3" bestFit="1" customWidth="1"/>
    <col min="14597" max="14597" width="16.125" style="3" bestFit="1" customWidth="1"/>
    <col min="14598" max="14598" width="9" style="3"/>
    <col min="14599" max="14599" width="10.875" style="3" customWidth="1"/>
    <col min="14600" max="14600" width="11.625" style="3" bestFit="1" customWidth="1"/>
    <col min="14601" max="14601" width="12.75" style="3" bestFit="1" customWidth="1"/>
    <col min="14602" max="14602" width="12.875" style="3" bestFit="1" customWidth="1"/>
    <col min="14603" max="14604" width="9" style="3"/>
    <col min="14605" max="14605" width="9.5" style="3" bestFit="1" customWidth="1"/>
    <col min="14606" max="14848" width="9" style="3"/>
    <col min="14849" max="14849" width="2.375" style="3" customWidth="1"/>
    <col min="14850" max="14850" width="3.5" style="3" bestFit="1" customWidth="1"/>
    <col min="14851" max="14851" width="2.25" style="3" customWidth="1"/>
    <col min="14852" max="14852" width="5.5" style="3" bestFit="1" customWidth="1"/>
    <col min="14853" max="14853" width="16.125" style="3" bestFit="1" customWidth="1"/>
    <col min="14854" max="14854" width="9" style="3"/>
    <col min="14855" max="14855" width="10.875" style="3" customWidth="1"/>
    <col min="14856" max="14856" width="11.625" style="3" bestFit="1" customWidth="1"/>
    <col min="14857" max="14857" width="12.75" style="3" bestFit="1" customWidth="1"/>
    <col min="14858" max="14858" width="12.875" style="3" bestFit="1" customWidth="1"/>
    <col min="14859" max="14860" width="9" style="3"/>
    <col min="14861" max="14861" width="9.5" style="3" bestFit="1" customWidth="1"/>
    <col min="14862" max="15104" width="9" style="3"/>
    <col min="15105" max="15105" width="2.375" style="3" customWidth="1"/>
    <col min="15106" max="15106" width="3.5" style="3" bestFit="1" customWidth="1"/>
    <col min="15107" max="15107" width="2.25" style="3" customWidth="1"/>
    <col min="15108" max="15108" width="5.5" style="3" bestFit="1" customWidth="1"/>
    <col min="15109" max="15109" width="16.125" style="3" bestFit="1" customWidth="1"/>
    <col min="15110" max="15110" width="9" style="3"/>
    <col min="15111" max="15111" width="10.875" style="3" customWidth="1"/>
    <col min="15112" max="15112" width="11.625" style="3" bestFit="1" customWidth="1"/>
    <col min="15113" max="15113" width="12.75" style="3" bestFit="1" customWidth="1"/>
    <col min="15114" max="15114" width="12.875" style="3" bestFit="1" customWidth="1"/>
    <col min="15115" max="15116" width="9" style="3"/>
    <col min="15117" max="15117" width="9.5" style="3" bestFit="1" customWidth="1"/>
    <col min="15118" max="15360" width="9" style="3"/>
    <col min="15361" max="15361" width="2.375" style="3" customWidth="1"/>
    <col min="15362" max="15362" width="3.5" style="3" bestFit="1" customWidth="1"/>
    <col min="15363" max="15363" width="2.25" style="3" customWidth="1"/>
    <col min="15364" max="15364" width="5.5" style="3" bestFit="1" customWidth="1"/>
    <col min="15365" max="15365" width="16.125" style="3" bestFit="1" customWidth="1"/>
    <col min="15366" max="15366" width="9" style="3"/>
    <col min="15367" max="15367" width="10.875" style="3" customWidth="1"/>
    <col min="15368" max="15368" width="11.625" style="3" bestFit="1" customWidth="1"/>
    <col min="15369" max="15369" width="12.75" style="3" bestFit="1" customWidth="1"/>
    <col min="15370" max="15370" width="12.875" style="3" bestFit="1" customWidth="1"/>
    <col min="15371" max="15372" width="9" style="3"/>
    <col min="15373" max="15373" width="9.5" style="3" bestFit="1" customWidth="1"/>
    <col min="15374" max="15616" width="9" style="3"/>
    <col min="15617" max="15617" width="2.375" style="3" customWidth="1"/>
    <col min="15618" max="15618" width="3.5" style="3" bestFit="1" customWidth="1"/>
    <col min="15619" max="15619" width="2.25" style="3" customWidth="1"/>
    <col min="15620" max="15620" width="5.5" style="3" bestFit="1" customWidth="1"/>
    <col min="15621" max="15621" width="16.125" style="3" bestFit="1" customWidth="1"/>
    <col min="15622" max="15622" width="9" style="3"/>
    <col min="15623" max="15623" width="10.875" style="3" customWidth="1"/>
    <col min="15624" max="15624" width="11.625" style="3" bestFit="1" customWidth="1"/>
    <col min="15625" max="15625" width="12.75" style="3" bestFit="1" customWidth="1"/>
    <col min="15626" max="15626" width="12.875" style="3" bestFit="1" customWidth="1"/>
    <col min="15627" max="15628" width="9" style="3"/>
    <col min="15629" max="15629" width="9.5" style="3" bestFit="1" customWidth="1"/>
    <col min="15630" max="15872" width="9" style="3"/>
    <col min="15873" max="15873" width="2.375" style="3" customWidth="1"/>
    <col min="15874" max="15874" width="3.5" style="3" bestFit="1" customWidth="1"/>
    <col min="15875" max="15875" width="2.25" style="3" customWidth="1"/>
    <col min="15876" max="15876" width="5.5" style="3" bestFit="1" customWidth="1"/>
    <col min="15877" max="15877" width="16.125" style="3" bestFit="1" customWidth="1"/>
    <col min="15878" max="15878" width="9" style="3"/>
    <col min="15879" max="15879" width="10.875" style="3" customWidth="1"/>
    <col min="15880" max="15880" width="11.625" style="3" bestFit="1" customWidth="1"/>
    <col min="15881" max="15881" width="12.75" style="3" bestFit="1" customWidth="1"/>
    <col min="15882" max="15882" width="12.875" style="3" bestFit="1" customWidth="1"/>
    <col min="15883" max="15884" width="9" style="3"/>
    <col min="15885" max="15885" width="9.5" style="3" bestFit="1" customWidth="1"/>
    <col min="15886" max="16128" width="9" style="3"/>
    <col min="16129" max="16129" width="2.375" style="3" customWidth="1"/>
    <col min="16130" max="16130" width="3.5" style="3" bestFit="1" customWidth="1"/>
    <col min="16131" max="16131" width="2.25" style="3" customWidth="1"/>
    <col min="16132" max="16132" width="5.5" style="3" bestFit="1" customWidth="1"/>
    <col min="16133" max="16133" width="16.125" style="3" bestFit="1" customWidth="1"/>
    <col min="16134" max="16134" width="9" style="3"/>
    <col min="16135" max="16135" width="10.875" style="3" customWidth="1"/>
    <col min="16136" max="16136" width="11.625" style="3" bestFit="1" customWidth="1"/>
    <col min="16137" max="16137" width="12.75" style="3" bestFit="1" customWidth="1"/>
    <col min="16138" max="16138" width="12.875" style="3" bestFit="1" customWidth="1"/>
    <col min="16139" max="16140" width="9" style="3"/>
    <col min="16141" max="16141" width="9.5" style="3" bestFit="1" customWidth="1"/>
    <col min="16142" max="16384" width="9" style="3"/>
  </cols>
  <sheetData>
    <row r="5" spans="1:10" ht="18" customHeight="1" x14ac:dyDescent="0.15">
      <c r="A5" t="s">
        <v>43</v>
      </c>
      <c r="I5" s="78"/>
      <c r="J5" s="62"/>
    </row>
    <row r="8" spans="1:10" ht="18" customHeight="1" x14ac:dyDescent="0.15">
      <c r="B8" s="8">
        <v>1</v>
      </c>
      <c r="C8" s="3" t="s">
        <v>44</v>
      </c>
    </row>
    <row r="9" spans="1:10" ht="18" customHeight="1" x14ac:dyDescent="0.15">
      <c r="D9" s="15" t="s">
        <v>57</v>
      </c>
    </row>
    <row r="11" spans="1:10" ht="18" customHeight="1" x14ac:dyDescent="0.15">
      <c r="B11" s="8">
        <v>2</v>
      </c>
      <c r="C11" s="3" t="s">
        <v>45</v>
      </c>
    </row>
    <row r="12" spans="1:10" ht="18" customHeight="1" x14ac:dyDescent="0.15">
      <c r="D12" s="72" t="s">
        <v>58</v>
      </c>
    </row>
    <row r="14" spans="1:10" ht="18" customHeight="1" x14ac:dyDescent="0.15">
      <c r="B14" s="8">
        <v>3</v>
      </c>
      <c r="C14" s="3" t="s">
        <v>46</v>
      </c>
    </row>
    <row r="15" spans="1:10" ht="18" customHeight="1" x14ac:dyDescent="0.15">
      <c r="D15" s="72" t="s">
        <v>59</v>
      </c>
    </row>
    <row r="17" spans="2:10" ht="18" customHeight="1" x14ac:dyDescent="0.15">
      <c r="B17" s="8">
        <v>4</v>
      </c>
      <c r="C17" s="3" t="s">
        <v>4</v>
      </c>
    </row>
    <row r="18" spans="2:10" ht="18" customHeight="1" x14ac:dyDescent="0.15">
      <c r="D18" s="3" t="s">
        <v>47</v>
      </c>
    </row>
    <row r="20" spans="2:10" ht="18" customHeight="1" x14ac:dyDescent="0.15">
      <c r="B20" s="8">
        <v>5</v>
      </c>
      <c r="C20" t="s">
        <v>33</v>
      </c>
    </row>
    <row r="21" spans="2:10" ht="18" customHeight="1" x14ac:dyDescent="0.15">
      <c r="D21" s="99" t="s">
        <v>60</v>
      </c>
      <c r="E21" s="99"/>
      <c r="F21" s="99"/>
    </row>
    <row r="23" spans="2:10" ht="18" customHeight="1" x14ac:dyDescent="0.15">
      <c r="B23" s="8">
        <v>6</v>
      </c>
      <c r="C23" s="3" t="s">
        <v>5</v>
      </c>
    </row>
    <row r="24" spans="2:10" ht="18" customHeight="1" x14ac:dyDescent="0.15">
      <c r="C24" s="3" t="s">
        <v>34</v>
      </c>
    </row>
    <row r="25" spans="2:10" x14ac:dyDescent="0.15">
      <c r="D25" s="23"/>
      <c r="E25" s="24"/>
      <c r="F25" s="25"/>
      <c r="G25" s="26"/>
      <c r="H25" s="27" t="s">
        <v>6</v>
      </c>
      <c r="I25" s="26"/>
      <c r="J25" s="28"/>
    </row>
    <row r="26" spans="2:10" x14ac:dyDescent="0.15">
      <c r="D26" s="29"/>
      <c r="E26" s="30"/>
      <c r="F26" s="21"/>
      <c r="G26" s="21" t="s">
        <v>7</v>
      </c>
      <c r="H26" s="21"/>
      <c r="I26" s="31"/>
      <c r="J26" s="31"/>
    </row>
    <row r="27" spans="2:10" x14ac:dyDescent="0.15">
      <c r="D27" s="29"/>
      <c r="E27" s="30"/>
      <c r="F27" s="32" t="s">
        <v>8</v>
      </c>
      <c r="G27" s="33" t="s">
        <v>9</v>
      </c>
      <c r="H27" s="34" t="s">
        <v>10</v>
      </c>
      <c r="I27" s="2" t="s">
        <v>48</v>
      </c>
      <c r="J27" s="31" t="s">
        <v>11</v>
      </c>
    </row>
    <row r="28" spans="2:10" x14ac:dyDescent="0.15">
      <c r="D28" s="35"/>
      <c r="E28" s="36"/>
      <c r="F28" s="21" t="s">
        <v>12</v>
      </c>
      <c r="G28" s="37" t="s">
        <v>12</v>
      </c>
      <c r="H28" s="38" t="s">
        <v>12</v>
      </c>
      <c r="I28" s="39"/>
      <c r="J28" s="39"/>
    </row>
    <row r="29" spans="2:10" x14ac:dyDescent="0.15">
      <c r="D29" s="90" t="s">
        <v>49</v>
      </c>
      <c r="E29" s="40" t="s">
        <v>61</v>
      </c>
      <c r="F29" s="41"/>
      <c r="G29" s="42"/>
      <c r="H29" s="43">
        <v>2000000</v>
      </c>
      <c r="I29" s="44">
        <v>11000000</v>
      </c>
      <c r="J29" s="45">
        <f t="shared" ref="J29:J35" si="0">IF(SUM(F29:I29)=0,"",SUM(F29:I29))</f>
        <v>13000000</v>
      </c>
    </row>
    <row r="30" spans="2:10" x14ac:dyDescent="0.15">
      <c r="D30" s="91"/>
      <c r="E30" s="46" t="s">
        <v>62</v>
      </c>
      <c r="F30" s="47"/>
      <c r="G30" s="48"/>
      <c r="H30" s="49"/>
      <c r="I30" s="50">
        <v>4000000</v>
      </c>
      <c r="J30" s="51">
        <f t="shared" si="0"/>
        <v>4000000</v>
      </c>
    </row>
    <row r="31" spans="2:10" x14ac:dyDescent="0.15">
      <c r="D31" s="91"/>
      <c r="E31" s="46" t="s">
        <v>63</v>
      </c>
      <c r="F31" s="47"/>
      <c r="G31" s="48">
        <v>300000</v>
      </c>
      <c r="H31" s="49">
        <v>315000</v>
      </c>
      <c r="I31" s="50"/>
      <c r="J31" s="51">
        <f t="shared" si="0"/>
        <v>615000</v>
      </c>
    </row>
    <row r="32" spans="2:10" x14ac:dyDescent="0.15">
      <c r="D32" s="91"/>
      <c r="E32" s="46" t="s">
        <v>64</v>
      </c>
      <c r="F32" s="47"/>
      <c r="G32" s="48"/>
      <c r="H32" s="49">
        <v>400000</v>
      </c>
      <c r="I32" s="50"/>
      <c r="J32" s="51">
        <f t="shared" si="0"/>
        <v>400000</v>
      </c>
    </row>
    <row r="33" spans="3:13" ht="14.25" customHeight="1" x14ac:dyDescent="0.15">
      <c r="D33" s="91"/>
      <c r="E33" s="46"/>
      <c r="F33" s="47"/>
      <c r="G33" s="48"/>
      <c r="H33" s="49"/>
      <c r="I33" s="50"/>
      <c r="J33" s="51" t="str">
        <f t="shared" si="0"/>
        <v/>
      </c>
    </row>
    <row r="34" spans="3:13" x14ac:dyDescent="0.15">
      <c r="D34" s="91"/>
      <c r="E34" s="46"/>
      <c r="F34" s="47"/>
      <c r="G34" s="48"/>
      <c r="H34" s="49"/>
      <c r="I34" s="50"/>
      <c r="J34" s="51" t="str">
        <f t="shared" si="0"/>
        <v/>
      </c>
    </row>
    <row r="35" spans="3:13" x14ac:dyDescent="0.15">
      <c r="D35" s="92"/>
      <c r="E35" s="52"/>
      <c r="F35" s="53"/>
      <c r="G35" s="54"/>
      <c r="H35" s="55"/>
      <c r="I35" s="56"/>
      <c r="J35" s="57" t="str">
        <f t="shared" si="0"/>
        <v/>
      </c>
    </row>
    <row r="36" spans="3:13" ht="18" customHeight="1" x14ac:dyDescent="0.15">
      <c r="D36" s="93" t="s">
        <v>11</v>
      </c>
      <c r="E36" s="94"/>
      <c r="F36" s="58" t="str">
        <f>IF(SUM(F29:F35)=0,"",SUM(F29:F35))</f>
        <v/>
      </c>
      <c r="G36" s="59">
        <f>IF(SUM(G29:G35)=0,"",SUM(G29:G35))</f>
        <v>300000</v>
      </c>
      <c r="H36" s="60">
        <f>IF(SUM(H29:H35)=0,"",SUM(H29:H35))</f>
        <v>2715000</v>
      </c>
      <c r="I36" s="61">
        <f>IF(SUM(I29:I35)=0,"",SUM(I29:I35))</f>
        <v>15000000</v>
      </c>
      <c r="J36" s="61">
        <f>IF(SUM(J29:J35)=0,"",SUM(J29:J35))</f>
        <v>18015000</v>
      </c>
    </row>
    <row r="37" spans="3:13" x14ac:dyDescent="0.15">
      <c r="C37" s="62"/>
      <c r="D37" s="63"/>
    </row>
    <row r="39" spans="3:13" ht="18" customHeight="1" x14ac:dyDescent="0.15">
      <c r="C39" s="3" t="s">
        <v>13</v>
      </c>
    </row>
    <row r="40" spans="3:13" ht="18" customHeight="1" x14ac:dyDescent="0.15">
      <c r="D40" s="100">
        <v>4.02E-2</v>
      </c>
      <c r="E40" s="100"/>
      <c r="F40" s="101"/>
      <c r="G40" s="101"/>
    </row>
    <row r="42" spans="3:13" ht="18" customHeight="1" x14ac:dyDescent="0.15">
      <c r="C42" s="3" t="s">
        <v>50</v>
      </c>
    </row>
    <row r="43" spans="3:13" ht="18" customHeight="1" x14ac:dyDescent="0.15">
      <c r="D43" s="15" t="s">
        <v>70</v>
      </c>
      <c r="M43" s="67">
        <f>(300000+2715000)*(8/108)*0.04</f>
        <v>8933.3333333333321</v>
      </c>
    </row>
    <row r="44" spans="3:13" ht="18" customHeight="1" x14ac:dyDescent="0.15">
      <c r="D44" s="70"/>
      <c r="M44" s="67">
        <f>(300000+2715000)*(8/108)*(2010000000/50000000000)</f>
        <v>8978</v>
      </c>
    </row>
    <row r="45" spans="3:13" ht="18" customHeight="1" x14ac:dyDescent="0.15">
      <c r="M45" s="74">
        <f>2010000000/50000000000</f>
        <v>4.02E-2</v>
      </c>
    </row>
    <row r="46" spans="3:13" ht="18" customHeight="1" x14ac:dyDescent="0.15"/>
    <row r="47" spans="3:13" ht="18" customHeight="1" x14ac:dyDescent="0.15"/>
    <row r="48" spans="3:13"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row r="70" ht="18" customHeight="1" x14ac:dyDescent="0.15"/>
    <row r="71" ht="18" customHeight="1" x14ac:dyDescent="0.15"/>
    <row r="72" ht="18" customHeight="1" x14ac:dyDescent="0.15"/>
    <row r="73" ht="18" customHeight="1" x14ac:dyDescent="0.15"/>
    <row r="74" ht="18" customHeight="1" x14ac:dyDescent="0.15"/>
    <row r="75" ht="18" customHeight="1" x14ac:dyDescent="0.15"/>
    <row r="76" ht="18" customHeight="1" x14ac:dyDescent="0.15"/>
    <row r="77" ht="18" customHeight="1" x14ac:dyDescent="0.15"/>
    <row r="78" ht="18" customHeight="1" x14ac:dyDescent="0.15"/>
    <row r="79" ht="18" customHeight="1" x14ac:dyDescent="0.15"/>
    <row r="80" ht="18" customHeight="1" x14ac:dyDescent="0.15"/>
    <row r="81" ht="18" customHeight="1" x14ac:dyDescent="0.15"/>
    <row r="82" ht="18" customHeight="1" x14ac:dyDescent="0.15"/>
    <row r="83" ht="18" customHeight="1" x14ac:dyDescent="0.15"/>
    <row r="84" ht="18" customHeight="1" x14ac:dyDescent="0.15"/>
  </sheetData>
  <mergeCells count="4">
    <mergeCell ref="D21:F21"/>
    <mergeCell ref="D29:D35"/>
    <mergeCell ref="D36:E36"/>
    <mergeCell ref="D40:G40"/>
  </mergeCells>
  <phoneticPr fontId="2"/>
  <conditionalFormatting sqref="D43 D40 D12 D9 D18 D15 D21">
    <cfRule type="cellIs" dxfId="3" priority="1" stopIfTrue="1" operator="equal">
      <formula>""</formula>
    </cfRule>
  </conditionalFormatting>
  <printOptions horizontalCentered="1"/>
  <pageMargins left="0.35433070866141736" right="0.39370078740157483" top="0.19685039370078741" bottom="0.55118110236220474" header="0.74803149606299213" footer="0.35433070866141736"/>
  <pageSetup paperSize="9" orientation="portrait"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sheetPr>
  <dimension ref="A5:L87"/>
  <sheetViews>
    <sheetView view="pageBreakPreview" topLeftCell="A19" zoomScaleNormal="100" zoomScaleSheetLayoutView="100" workbookViewId="0"/>
  </sheetViews>
  <sheetFormatPr defaultColWidth="9" defaultRowHeight="13.5" x14ac:dyDescent="0.15"/>
  <cols>
    <col min="1" max="1" width="2.375" style="3" customWidth="1"/>
    <col min="2" max="2" width="3.5" style="8" bestFit="1" customWidth="1"/>
    <col min="3" max="3" width="2.25" style="3" customWidth="1"/>
    <col min="4" max="4" width="5.5" style="3" bestFit="1" customWidth="1"/>
    <col min="5" max="5" width="16.125" style="3" bestFit="1" customWidth="1"/>
    <col min="6" max="6" width="9" style="3"/>
    <col min="7" max="7" width="10.875" style="3" customWidth="1"/>
    <col min="8" max="10" width="14.25" style="3" bestFit="1" customWidth="1"/>
    <col min="11" max="256" width="9" style="3"/>
    <col min="257" max="257" width="2.375" style="3" customWidth="1"/>
    <col min="258" max="258" width="3.5" style="3" bestFit="1" customWidth="1"/>
    <col min="259" max="259" width="2.25" style="3" customWidth="1"/>
    <col min="260" max="260" width="5.5" style="3" bestFit="1" customWidth="1"/>
    <col min="261" max="261" width="16.125" style="3" bestFit="1" customWidth="1"/>
    <col min="262" max="262" width="9" style="3"/>
    <col min="263" max="263" width="10.875" style="3" customWidth="1"/>
    <col min="264" max="266" width="14.25" style="3" bestFit="1" customWidth="1"/>
    <col min="267" max="512" width="9" style="3"/>
    <col min="513" max="513" width="2.375" style="3" customWidth="1"/>
    <col min="514" max="514" width="3.5" style="3" bestFit="1" customWidth="1"/>
    <col min="515" max="515" width="2.25" style="3" customWidth="1"/>
    <col min="516" max="516" width="5.5" style="3" bestFit="1" customWidth="1"/>
    <col min="517" max="517" width="16.125" style="3" bestFit="1" customWidth="1"/>
    <col min="518" max="518" width="9" style="3"/>
    <col min="519" max="519" width="10.875" style="3" customWidth="1"/>
    <col min="520" max="522" width="14.25" style="3" bestFit="1" customWidth="1"/>
    <col min="523" max="768" width="9" style="3"/>
    <col min="769" max="769" width="2.375" style="3" customWidth="1"/>
    <col min="770" max="770" width="3.5" style="3" bestFit="1" customWidth="1"/>
    <col min="771" max="771" width="2.25" style="3" customWidth="1"/>
    <col min="772" max="772" width="5.5" style="3" bestFit="1" customWidth="1"/>
    <col min="773" max="773" width="16.125" style="3" bestFit="1" customWidth="1"/>
    <col min="774" max="774" width="9" style="3"/>
    <col min="775" max="775" width="10.875" style="3" customWidth="1"/>
    <col min="776" max="778" width="14.25" style="3" bestFit="1" customWidth="1"/>
    <col min="779" max="1024" width="9" style="3"/>
    <col min="1025" max="1025" width="2.375" style="3" customWidth="1"/>
    <col min="1026" max="1026" width="3.5" style="3" bestFit="1" customWidth="1"/>
    <col min="1027" max="1027" width="2.25" style="3" customWidth="1"/>
    <col min="1028" max="1028" width="5.5" style="3" bestFit="1" customWidth="1"/>
    <col min="1029" max="1029" width="16.125" style="3" bestFit="1" customWidth="1"/>
    <col min="1030" max="1030" width="9" style="3"/>
    <col min="1031" max="1031" width="10.875" style="3" customWidth="1"/>
    <col min="1032" max="1034" width="14.25" style="3" bestFit="1" customWidth="1"/>
    <col min="1035" max="1280" width="9" style="3"/>
    <col min="1281" max="1281" width="2.375" style="3" customWidth="1"/>
    <col min="1282" max="1282" width="3.5" style="3" bestFit="1" customWidth="1"/>
    <col min="1283" max="1283" width="2.25" style="3" customWidth="1"/>
    <col min="1284" max="1284" width="5.5" style="3" bestFit="1" customWidth="1"/>
    <col min="1285" max="1285" width="16.125" style="3" bestFit="1" customWidth="1"/>
    <col min="1286" max="1286" width="9" style="3"/>
    <col min="1287" max="1287" width="10.875" style="3" customWidth="1"/>
    <col min="1288" max="1290" width="14.25" style="3" bestFit="1" customWidth="1"/>
    <col min="1291" max="1536" width="9" style="3"/>
    <col min="1537" max="1537" width="2.375" style="3" customWidth="1"/>
    <col min="1538" max="1538" width="3.5" style="3" bestFit="1" customWidth="1"/>
    <col min="1539" max="1539" width="2.25" style="3" customWidth="1"/>
    <col min="1540" max="1540" width="5.5" style="3" bestFit="1" customWidth="1"/>
    <col min="1541" max="1541" width="16.125" style="3" bestFit="1" customWidth="1"/>
    <col min="1542" max="1542" width="9" style="3"/>
    <col min="1543" max="1543" width="10.875" style="3" customWidth="1"/>
    <col min="1544" max="1546" width="14.25" style="3" bestFit="1" customWidth="1"/>
    <col min="1547" max="1792" width="9" style="3"/>
    <col min="1793" max="1793" width="2.375" style="3" customWidth="1"/>
    <col min="1794" max="1794" width="3.5" style="3" bestFit="1" customWidth="1"/>
    <col min="1795" max="1795" width="2.25" style="3" customWidth="1"/>
    <col min="1796" max="1796" width="5.5" style="3" bestFit="1" customWidth="1"/>
    <col min="1797" max="1797" width="16.125" style="3" bestFit="1" customWidth="1"/>
    <col min="1798" max="1798" width="9" style="3"/>
    <col min="1799" max="1799" width="10.875" style="3" customWidth="1"/>
    <col min="1800" max="1802" width="14.25" style="3" bestFit="1" customWidth="1"/>
    <col min="1803" max="2048" width="9" style="3"/>
    <col min="2049" max="2049" width="2.375" style="3" customWidth="1"/>
    <col min="2050" max="2050" width="3.5" style="3" bestFit="1" customWidth="1"/>
    <col min="2051" max="2051" width="2.25" style="3" customWidth="1"/>
    <col min="2052" max="2052" width="5.5" style="3" bestFit="1" customWidth="1"/>
    <col min="2053" max="2053" width="16.125" style="3" bestFit="1" customWidth="1"/>
    <col min="2054" max="2054" width="9" style="3"/>
    <col min="2055" max="2055" width="10.875" style="3" customWidth="1"/>
    <col min="2056" max="2058" width="14.25" style="3" bestFit="1" customWidth="1"/>
    <col min="2059" max="2304" width="9" style="3"/>
    <col min="2305" max="2305" width="2.375" style="3" customWidth="1"/>
    <col min="2306" max="2306" width="3.5" style="3" bestFit="1" customWidth="1"/>
    <col min="2307" max="2307" width="2.25" style="3" customWidth="1"/>
    <col min="2308" max="2308" width="5.5" style="3" bestFit="1" customWidth="1"/>
    <col min="2309" max="2309" width="16.125" style="3" bestFit="1" customWidth="1"/>
    <col min="2310" max="2310" width="9" style="3"/>
    <col min="2311" max="2311" width="10.875" style="3" customWidth="1"/>
    <col min="2312" max="2314" width="14.25" style="3" bestFit="1" customWidth="1"/>
    <col min="2315" max="2560" width="9" style="3"/>
    <col min="2561" max="2561" width="2.375" style="3" customWidth="1"/>
    <col min="2562" max="2562" width="3.5" style="3" bestFit="1" customWidth="1"/>
    <col min="2563" max="2563" width="2.25" style="3" customWidth="1"/>
    <col min="2564" max="2564" width="5.5" style="3" bestFit="1" customWidth="1"/>
    <col min="2565" max="2565" width="16.125" style="3" bestFit="1" customWidth="1"/>
    <col min="2566" max="2566" width="9" style="3"/>
    <col min="2567" max="2567" width="10.875" style="3" customWidth="1"/>
    <col min="2568" max="2570" width="14.25" style="3" bestFit="1" customWidth="1"/>
    <col min="2571" max="2816" width="9" style="3"/>
    <col min="2817" max="2817" width="2.375" style="3" customWidth="1"/>
    <col min="2818" max="2818" width="3.5" style="3" bestFit="1" customWidth="1"/>
    <col min="2819" max="2819" width="2.25" style="3" customWidth="1"/>
    <col min="2820" max="2820" width="5.5" style="3" bestFit="1" customWidth="1"/>
    <col min="2821" max="2821" width="16.125" style="3" bestFit="1" customWidth="1"/>
    <col min="2822" max="2822" width="9" style="3"/>
    <col min="2823" max="2823" width="10.875" style="3" customWidth="1"/>
    <col min="2824" max="2826" width="14.25" style="3" bestFit="1" customWidth="1"/>
    <col min="2827" max="3072" width="9" style="3"/>
    <col min="3073" max="3073" width="2.375" style="3" customWidth="1"/>
    <col min="3074" max="3074" width="3.5" style="3" bestFit="1" customWidth="1"/>
    <col min="3075" max="3075" width="2.25" style="3" customWidth="1"/>
    <col min="3076" max="3076" width="5.5" style="3" bestFit="1" customWidth="1"/>
    <col min="3077" max="3077" width="16.125" style="3" bestFit="1" customWidth="1"/>
    <col min="3078" max="3078" width="9" style="3"/>
    <col min="3079" max="3079" width="10.875" style="3" customWidth="1"/>
    <col min="3080" max="3082" width="14.25" style="3" bestFit="1" customWidth="1"/>
    <col min="3083" max="3328" width="9" style="3"/>
    <col min="3329" max="3329" width="2.375" style="3" customWidth="1"/>
    <col min="3330" max="3330" width="3.5" style="3" bestFit="1" customWidth="1"/>
    <col min="3331" max="3331" width="2.25" style="3" customWidth="1"/>
    <col min="3332" max="3332" width="5.5" style="3" bestFit="1" customWidth="1"/>
    <col min="3333" max="3333" width="16.125" style="3" bestFit="1" customWidth="1"/>
    <col min="3334" max="3334" width="9" style="3"/>
    <col min="3335" max="3335" width="10.875" style="3" customWidth="1"/>
    <col min="3336" max="3338" width="14.25" style="3" bestFit="1" customWidth="1"/>
    <col min="3339" max="3584" width="9" style="3"/>
    <col min="3585" max="3585" width="2.375" style="3" customWidth="1"/>
    <col min="3586" max="3586" width="3.5" style="3" bestFit="1" customWidth="1"/>
    <col min="3587" max="3587" width="2.25" style="3" customWidth="1"/>
    <col min="3588" max="3588" width="5.5" style="3" bestFit="1" customWidth="1"/>
    <col min="3589" max="3589" width="16.125" style="3" bestFit="1" customWidth="1"/>
    <col min="3590" max="3590" width="9" style="3"/>
    <col min="3591" max="3591" width="10.875" style="3" customWidth="1"/>
    <col min="3592" max="3594" width="14.25" style="3" bestFit="1" customWidth="1"/>
    <col min="3595" max="3840" width="9" style="3"/>
    <col min="3841" max="3841" width="2.375" style="3" customWidth="1"/>
    <col min="3842" max="3842" width="3.5" style="3" bestFit="1" customWidth="1"/>
    <col min="3843" max="3843" width="2.25" style="3" customWidth="1"/>
    <col min="3844" max="3844" width="5.5" style="3" bestFit="1" customWidth="1"/>
    <col min="3845" max="3845" width="16.125" style="3" bestFit="1" customWidth="1"/>
    <col min="3846" max="3846" width="9" style="3"/>
    <col min="3847" max="3847" width="10.875" style="3" customWidth="1"/>
    <col min="3848" max="3850" width="14.25" style="3" bestFit="1" customWidth="1"/>
    <col min="3851" max="4096" width="9" style="3"/>
    <col min="4097" max="4097" width="2.375" style="3" customWidth="1"/>
    <col min="4098" max="4098" width="3.5" style="3" bestFit="1" customWidth="1"/>
    <col min="4099" max="4099" width="2.25" style="3" customWidth="1"/>
    <col min="4100" max="4100" width="5.5" style="3" bestFit="1" customWidth="1"/>
    <col min="4101" max="4101" width="16.125" style="3" bestFit="1" customWidth="1"/>
    <col min="4102" max="4102" width="9" style="3"/>
    <col min="4103" max="4103" width="10.875" style="3" customWidth="1"/>
    <col min="4104" max="4106" width="14.25" style="3" bestFit="1" customWidth="1"/>
    <col min="4107" max="4352" width="9" style="3"/>
    <col min="4353" max="4353" width="2.375" style="3" customWidth="1"/>
    <col min="4354" max="4354" width="3.5" style="3" bestFit="1" customWidth="1"/>
    <col min="4355" max="4355" width="2.25" style="3" customWidth="1"/>
    <col min="4356" max="4356" width="5.5" style="3" bestFit="1" customWidth="1"/>
    <col min="4357" max="4357" width="16.125" style="3" bestFit="1" customWidth="1"/>
    <col min="4358" max="4358" width="9" style="3"/>
    <col min="4359" max="4359" width="10.875" style="3" customWidth="1"/>
    <col min="4360" max="4362" width="14.25" style="3" bestFit="1" customWidth="1"/>
    <col min="4363" max="4608" width="9" style="3"/>
    <col min="4609" max="4609" width="2.375" style="3" customWidth="1"/>
    <col min="4610" max="4610" width="3.5" style="3" bestFit="1" customWidth="1"/>
    <col min="4611" max="4611" width="2.25" style="3" customWidth="1"/>
    <col min="4612" max="4612" width="5.5" style="3" bestFit="1" customWidth="1"/>
    <col min="4613" max="4613" width="16.125" style="3" bestFit="1" customWidth="1"/>
    <col min="4614" max="4614" width="9" style="3"/>
    <col min="4615" max="4615" width="10.875" style="3" customWidth="1"/>
    <col min="4616" max="4618" width="14.25" style="3" bestFit="1" customWidth="1"/>
    <col min="4619" max="4864" width="9" style="3"/>
    <col min="4865" max="4865" width="2.375" style="3" customWidth="1"/>
    <col min="4866" max="4866" width="3.5" style="3" bestFit="1" customWidth="1"/>
    <col min="4867" max="4867" width="2.25" style="3" customWidth="1"/>
    <col min="4868" max="4868" width="5.5" style="3" bestFit="1" customWidth="1"/>
    <col min="4869" max="4869" width="16.125" style="3" bestFit="1" customWidth="1"/>
    <col min="4870" max="4870" width="9" style="3"/>
    <col min="4871" max="4871" width="10.875" style="3" customWidth="1"/>
    <col min="4872" max="4874" width="14.25" style="3" bestFit="1" customWidth="1"/>
    <col min="4875" max="5120" width="9" style="3"/>
    <col min="5121" max="5121" width="2.375" style="3" customWidth="1"/>
    <col min="5122" max="5122" width="3.5" style="3" bestFit="1" customWidth="1"/>
    <col min="5123" max="5123" width="2.25" style="3" customWidth="1"/>
    <col min="5124" max="5124" width="5.5" style="3" bestFit="1" customWidth="1"/>
    <col min="5125" max="5125" width="16.125" style="3" bestFit="1" customWidth="1"/>
    <col min="5126" max="5126" width="9" style="3"/>
    <col min="5127" max="5127" width="10.875" style="3" customWidth="1"/>
    <col min="5128" max="5130" width="14.25" style="3" bestFit="1" customWidth="1"/>
    <col min="5131" max="5376" width="9" style="3"/>
    <col min="5377" max="5377" width="2.375" style="3" customWidth="1"/>
    <col min="5378" max="5378" width="3.5" style="3" bestFit="1" customWidth="1"/>
    <col min="5379" max="5379" width="2.25" style="3" customWidth="1"/>
    <col min="5380" max="5380" width="5.5" style="3" bestFit="1" customWidth="1"/>
    <col min="5381" max="5381" width="16.125" style="3" bestFit="1" customWidth="1"/>
    <col min="5382" max="5382" width="9" style="3"/>
    <col min="5383" max="5383" width="10.875" style="3" customWidth="1"/>
    <col min="5384" max="5386" width="14.25" style="3" bestFit="1" customWidth="1"/>
    <col min="5387" max="5632" width="9" style="3"/>
    <col min="5633" max="5633" width="2.375" style="3" customWidth="1"/>
    <col min="5634" max="5634" width="3.5" style="3" bestFit="1" customWidth="1"/>
    <col min="5635" max="5635" width="2.25" style="3" customWidth="1"/>
    <col min="5636" max="5636" width="5.5" style="3" bestFit="1" customWidth="1"/>
    <col min="5637" max="5637" width="16.125" style="3" bestFit="1" customWidth="1"/>
    <col min="5638" max="5638" width="9" style="3"/>
    <col min="5639" max="5639" width="10.875" style="3" customWidth="1"/>
    <col min="5640" max="5642" width="14.25" style="3" bestFit="1" customWidth="1"/>
    <col min="5643" max="5888" width="9" style="3"/>
    <col min="5889" max="5889" width="2.375" style="3" customWidth="1"/>
    <col min="5890" max="5890" width="3.5" style="3" bestFit="1" customWidth="1"/>
    <col min="5891" max="5891" width="2.25" style="3" customWidth="1"/>
    <col min="5892" max="5892" width="5.5" style="3" bestFit="1" customWidth="1"/>
    <col min="5893" max="5893" width="16.125" style="3" bestFit="1" customWidth="1"/>
    <col min="5894" max="5894" width="9" style="3"/>
    <col min="5895" max="5895" width="10.875" style="3" customWidth="1"/>
    <col min="5896" max="5898" width="14.25" style="3" bestFit="1" customWidth="1"/>
    <col min="5899" max="6144" width="9" style="3"/>
    <col min="6145" max="6145" width="2.375" style="3" customWidth="1"/>
    <col min="6146" max="6146" width="3.5" style="3" bestFit="1" customWidth="1"/>
    <col min="6147" max="6147" width="2.25" style="3" customWidth="1"/>
    <col min="6148" max="6148" width="5.5" style="3" bestFit="1" customWidth="1"/>
    <col min="6149" max="6149" width="16.125" style="3" bestFit="1" customWidth="1"/>
    <col min="6150" max="6150" width="9" style="3"/>
    <col min="6151" max="6151" width="10.875" style="3" customWidth="1"/>
    <col min="6152" max="6154" width="14.25" style="3" bestFit="1" customWidth="1"/>
    <col min="6155" max="6400" width="9" style="3"/>
    <col min="6401" max="6401" width="2.375" style="3" customWidth="1"/>
    <col min="6402" max="6402" width="3.5" style="3" bestFit="1" customWidth="1"/>
    <col min="6403" max="6403" width="2.25" style="3" customWidth="1"/>
    <col min="6404" max="6404" width="5.5" style="3" bestFit="1" customWidth="1"/>
    <col min="6405" max="6405" width="16.125" style="3" bestFit="1" customWidth="1"/>
    <col min="6406" max="6406" width="9" style="3"/>
    <col min="6407" max="6407" width="10.875" style="3" customWidth="1"/>
    <col min="6408" max="6410" width="14.25" style="3" bestFit="1" customWidth="1"/>
    <col min="6411" max="6656" width="9" style="3"/>
    <col min="6657" max="6657" width="2.375" style="3" customWidth="1"/>
    <col min="6658" max="6658" width="3.5" style="3" bestFit="1" customWidth="1"/>
    <col min="6659" max="6659" width="2.25" style="3" customWidth="1"/>
    <col min="6660" max="6660" width="5.5" style="3" bestFit="1" customWidth="1"/>
    <col min="6661" max="6661" width="16.125" style="3" bestFit="1" customWidth="1"/>
    <col min="6662" max="6662" width="9" style="3"/>
    <col min="6663" max="6663" width="10.875" style="3" customWidth="1"/>
    <col min="6664" max="6666" width="14.25" style="3" bestFit="1" customWidth="1"/>
    <col min="6667" max="6912" width="9" style="3"/>
    <col min="6913" max="6913" width="2.375" style="3" customWidth="1"/>
    <col min="6914" max="6914" width="3.5" style="3" bestFit="1" customWidth="1"/>
    <col min="6915" max="6915" width="2.25" style="3" customWidth="1"/>
    <col min="6916" max="6916" width="5.5" style="3" bestFit="1" customWidth="1"/>
    <col min="6917" max="6917" width="16.125" style="3" bestFit="1" customWidth="1"/>
    <col min="6918" max="6918" width="9" style="3"/>
    <col min="6919" max="6919" width="10.875" style="3" customWidth="1"/>
    <col min="6920" max="6922" width="14.25" style="3" bestFit="1" customWidth="1"/>
    <col min="6923" max="7168" width="9" style="3"/>
    <col min="7169" max="7169" width="2.375" style="3" customWidth="1"/>
    <col min="7170" max="7170" width="3.5" style="3" bestFit="1" customWidth="1"/>
    <col min="7171" max="7171" width="2.25" style="3" customWidth="1"/>
    <col min="7172" max="7172" width="5.5" style="3" bestFit="1" customWidth="1"/>
    <col min="7173" max="7173" width="16.125" style="3" bestFit="1" customWidth="1"/>
    <col min="7174" max="7174" width="9" style="3"/>
    <col min="7175" max="7175" width="10.875" style="3" customWidth="1"/>
    <col min="7176" max="7178" width="14.25" style="3" bestFit="1" customWidth="1"/>
    <col min="7179" max="7424" width="9" style="3"/>
    <col min="7425" max="7425" width="2.375" style="3" customWidth="1"/>
    <col min="7426" max="7426" width="3.5" style="3" bestFit="1" customWidth="1"/>
    <col min="7427" max="7427" width="2.25" style="3" customWidth="1"/>
    <col min="7428" max="7428" width="5.5" style="3" bestFit="1" customWidth="1"/>
    <col min="7429" max="7429" width="16.125" style="3" bestFit="1" customWidth="1"/>
    <col min="7430" max="7430" width="9" style="3"/>
    <col min="7431" max="7431" width="10.875" style="3" customWidth="1"/>
    <col min="7432" max="7434" width="14.25" style="3" bestFit="1" customWidth="1"/>
    <col min="7435" max="7680" width="9" style="3"/>
    <col min="7681" max="7681" width="2.375" style="3" customWidth="1"/>
    <col min="7682" max="7682" width="3.5" style="3" bestFit="1" customWidth="1"/>
    <col min="7683" max="7683" width="2.25" style="3" customWidth="1"/>
    <col min="7684" max="7684" width="5.5" style="3" bestFit="1" customWidth="1"/>
    <col min="7685" max="7685" width="16.125" style="3" bestFit="1" customWidth="1"/>
    <col min="7686" max="7686" width="9" style="3"/>
    <col min="7687" max="7687" width="10.875" style="3" customWidth="1"/>
    <col min="7688" max="7690" width="14.25" style="3" bestFit="1" customWidth="1"/>
    <col min="7691" max="7936" width="9" style="3"/>
    <col min="7937" max="7937" width="2.375" style="3" customWidth="1"/>
    <col min="7938" max="7938" width="3.5" style="3" bestFit="1" customWidth="1"/>
    <col min="7939" max="7939" width="2.25" style="3" customWidth="1"/>
    <col min="7940" max="7940" width="5.5" style="3" bestFit="1" customWidth="1"/>
    <col min="7941" max="7941" width="16.125" style="3" bestFit="1" customWidth="1"/>
    <col min="7942" max="7942" width="9" style="3"/>
    <col min="7943" max="7943" width="10.875" style="3" customWidth="1"/>
    <col min="7944" max="7946" width="14.25" style="3" bestFit="1" customWidth="1"/>
    <col min="7947" max="8192" width="9" style="3"/>
    <col min="8193" max="8193" width="2.375" style="3" customWidth="1"/>
    <col min="8194" max="8194" width="3.5" style="3" bestFit="1" customWidth="1"/>
    <col min="8195" max="8195" width="2.25" style="3" customWidth="1"/>
    <col min="8196" max="8196" width="5.5" style="3" bestFit="1" customWidth="1"/>
    <col min="8197" max="8197" width="16.125" style="3" bestFit="1" customWidth="1"/>
    <col min="8198" max="8198" width="9" style="3"/>
    <col min="8199" max="8199" width="10.875" style="3" customWidth="1"/>
    <col min="8200" max="8202" width="14.25" style="3" bestFit="1" customWidth="1"/>
    <col min="8203" max="8448" width="9" style="3"/>
    <col min="8449" max="8449" width="2.375" style="3" customWidth="1"/>
    <col min="8450" max="8450" width="3.5" style="3" bestFit="1" customWidth="1"/>
    <col min="8451" max="8451" width="2.25" style="3" customWidth="1"/>
    <col min="8452" max="8452" width="5.5" style="3" bestFit="1" customWidth="1"/>
    <col min="8453" max="8453" width="16.125" style="3" bestFit="1" customWidth="1"/>
    <col min="8454" max="8454" width="9" style="3"/>
    <col min="8455" max="8455" width="10.875" style="3" customWidth="1"/>
    <col min="8456" max="8458" width="14.25" style="3" bestFit="1" customWidth="1"/>
    <col min="8459" max="8704" width="9" style="3"/>
    <col min="8705" max="8705" width="2.375" style="3" customWidth="1"/>
    <col min="8706" max="8706" width="3.5" style="3" bestFit="1" customWidth="1"/>
    <col min="8707" max="8707" width="2.25" style="3" customWidth="1"/>
    <col min="8708" max="8708" width="5.5" style="3" bestFit="1" customWidth="1"/>
    <col min="8709" max="8709" width="16.125" style="3" bestFit="1" customWidth="1"/>
    <col min="8710" max="8710" width="9" style="3"/>
    <col min="8711" max="8711" width="10.875" style="3" customWidth="1"/>
    <col min="8712" max="8714" width="14.25" style="3" bestFit="1" customWidth="1"/>
    <col min="8715" max="8960" width="9" style="3"/>
    <col min="8961" max="8961" width="2.375" style="3" customWidth="1"/>
    <col min="8962" max="8962" width="3.5" style="3" bestFit="1" customWidth="1"/>
    <col min="8963" max="8963" width="2.25" style="3" customWidth="1"/>
    <col min="8964" max="8964" width="5.5" style="3" bestFit="1" customWidth="1"/>
    <col min="8965" max="8965" width="16.125" style="3" bestFit="1" customWidth="1"/>
    <col min="8966" max="8966" width="9" style="3"/>
    <col min="8967" max="8967" width="10.875" style="3" customWidth="1"/>
    <col min="8968" max="8970" width="14.25" style="3" bestFit="1" customWidth="1"/>
    <col min="8971" max="9216" width="9" style="3"/>
    <col min="9217" max="9217" width="2.375" style="3" customWidth="1"/>
    <col min="9218" max="9218" width="3.5" style="3" bestFit="1" customWidth="1"/>
    <col min="9219" max="9219" width="2.25" style="3" customWidth="1"/>
    <col min="9220" max="9220" width="5.5" style="3" bestFit="1" customWidth="1"/>
    <col min="9221" max="9221" width="16.125" style="3" bestFit="1" customWidth="1"/>
    <col min="9222" max="9222" width="9" style="3"/>
    <col min="9223" max="9223" width="10.875" style="3" customWidth="1"/>
    <col min="9224" max="9226" width="14.25" style="3" bestFit="1" customWidth="1"/>
    <col min="9227" max="9472" width="9" style="3"/>
    <col min="9473" max="9473" width="2.375" style="3" customWidth="1"/>
    <col min="9474" max="9474" width="3.5" style="3" bestFit="1" customWidth="1"/>
    <col min="9475" max="9475" width="2.25" style="3" customWidth="1"/>
    <col min="9476" max="9476" width="5.5" style="3" bestFit="1" customWidth="1"/>
    <col min="9477" max="9477" width="16.125" style="3" bestFit="1" customWidth="1"/>
    <col min="9478" max="9478" width="9" style="3"/>
    <col min="9479" max="9479" width="10.875" style="3" customWidth="1"/>
    <col min="9480" max="9482" width="14.25" style="3" bestFit="1" customWidth="1"/>
    <col min="9483" max="9728" width="9" style="3"/>
    <col min="9729" max="9729" width="2.375" style="3" customWidth="1"/>
    <col min="9730" max="9730" width="3.5" style="3" bestFit="1" customWidth="1"/>
    <col min="9731" max="9731" width="2.25" style="3" customWidth="1"/>
    <col min="9732" max="9732" width="5.5" style="3" bestFit="1" customWidth="1"/>
    <col min="9733" max="9733" width="16.125" style="3" bestFit="1" customWidth="1"/>
    <col min="9734" max="9734" width="9" style="3"/>
    <col min="9735" max="9735" width="10.875" style="3" customWidth="1"/>
    <col min="9736" max="9738" width="14.25" style="3" bestFit="1" customWidth="1"/>
    <col min="9739" max="9984" width="9" style="3"/>
    <col min="9985" max="9985" width="2.375" style="3" customWidth="1"/>
    <col min="9986" max="9986" width="3.5" style="3" bestFit="1" customWidth="1"/>
    <col min="9987" max="9987" width="2.25" style="3" customWidth="1"/>
    <col min="9988" max="9988" width="5.5" style="3" bestFit="1" customWidth="1"/>
    <col min="9989" max="9989" width="16.125" style="3" bestFit="1" customWidth="1"/>
    <col min="9990" max="9990" width="9" style="3"/>
    <col min="9991" max="9991" width="10.875" style="3" customWidth="1"/>
    <col min="9992" max="9994" width="14.25" style="3" bestFit="1" customWidth="1"/>
    <col min="9995" max="10240" width="9" style="3"/>
    <col min="10241" max="10241" width="2.375" style="3" customWidth="1"/>
    <col min="10242" max="10242" width="3.5" style="3" bestFit="1" customWidth="1"/>
    <col min="10243" max="10243" width="2.25" style="3" customWidth="1"/>
    <col min="10244" max="10244" width="5.5" style="3" bestFit="1" customWidth="1"/>
    <col min="10245" max="10245" width="16.125" style="3" bestFit="1" customWidth="1"/>
    <col min="10246" max="10246" width="9" style="3"/>
    <col min="10247" max="10247" width="10.875" style="3" customWidth="1"/>
    <col min="10248" max="10250" width="14.25" style="3" bestFit="1" customWidth="1"/>
    <col min="10251" max="10496" width="9" style="3"/>
    <col min="10497" max="10497" width="2.375" style="3" customWidth="1"/>
    <col min="10498" max="10498" width="3.5" style="3" bestFit="1" customWidth="1"/>
    <col min="10499" max="10499" width="2.25" style="3" customWidth="1"/>
    <col min="10500" max="10500" width="5.5" style="3" bestFit="1" customWidth="1"/>
    <col min="10501" max="10501" width="16.125" style="3" bestFit="1" customWidth="1"/>
    <col min="10502" max="10502" width="9" style="3"/>
    <col min="10503" max="10503" width="10.875" style="3" customWidth="1"/>
    <col min="10504" max="10506" width="14.25" style="3" bestFit="1" customWidth="1"/>
    <col min="10507" max="10752" width="9" style="3"/>
    <col min="10753" max="10753" width="2.375" style="3" customWidth="1"/>
    <col min="10754" max="10754" width="3.5" style="3" bestFit="1" customWidth="1"/>
    <col min="10755" max="10755" width="2.25" style="3" customWidth="1"/>
    <col min="10756" max="10756" width="5.5" style="3" bestFit="1" customWidth="1"/>
    <col min="10757" max="10757" width="16.125" style="3" bestFit="1" customWidth="1"/>
    <col min="10758" max="10758" width="9" style="3"/>
    <col min="10759" max="10759" width="10.875" style="3" customWidth="1"/>
    <col min="10760" max="10762" width="14.25" style="3" bestFit="1" customWidth="1"/>
    <col min="10763" max="11008" width="9" style="3"/>
    <col min="11009" max="11009" width="2.375" style="3" customWidth="1"/>
    <col min="11010" max="11010" width="3.5" style="3" bestFit="1" customWidth="1"/>
    <col min="11011" max="11011" width="2.25" style="3" customWidth="1"/>
    <col min="11012" max="11012" width="5.5" style="3" bestFit="1" customWidth="1"/>
    <col min="11013" max="11013" width="16.125" style="3" bestFit="1" customWidth="1"/>
    <col min="11014" max="11014" width="9" style="3"/>
    <col min="11015" max="11015" width="10.875" style="3" customWidth="1"/>
    <col min="11016" max="11018" width="14.25" style="3" bestFit="1" customWidth="1"/>
    <col min="11019" max="11264" width="9" style="3"/>
    <col min="11265" max="11265" width="2.375" style="3" customWidth="1"/>
    <col min="11266" max="11266" width="3.5" style="3" bestFit="1" customWidth="1"/>
    <col min="11267" max="11267" width="2.25" style="3" customWidth="1"/>
    <col min="11268" max="11268" width="5.5" style="3" bestFit="1" customWidth="1"/>
    <col min="11269" max="11269" width="16.125" style="3" bestFit="1" customWidth="1"/>
    <col min="11270" max="11270" width="9" style="3"/>
    <col min="11271" max="11271" width="10.875" style="3" customWidth="1"/>
    <col min="11272" max="11274" width="14.25" style="3" bestFit="1" customWidth="1"/>
    <col min="11275" max="11520" width="9" style="3"/>
    <col min="11521" max="11521" width="2.375" style="3" customWidth="1"/>
    <col min="11522" max="11522" width="3.5" style="3" bestFit="1" customWidth="1"/>
    <col min="11523" max="11523" width="2.25" style="3" customWidth="1"/>
    <col min="11524" max="11524" width="5.5" style="3" bestFit="1" customWidth="1"/>
    <col min="11525" max="11525" width="16.125" style="3" bestFit="1" customWidth="1"/>
    <col min="11526" max="11526" width="9" style="3"/>
    <col min="11527" max="11527" width="10.875" style="3" customWidth="1"/>
    <col min="11528" max="11530" width="14.25" style="3" bestFit="1" customWidth="1"/>
    <col min="11531" max="11776" width="9" style="3"/>
    <col min="11777" max="11777" width="2.375" style="3" customWidth="1"/>
    <col min="11778" max="11778" width="3.5" style="3" bestFit="1" customWidth="1"/>
    <col min="11779" max="11779" width="2.25" style="3" customWidth="1"/>
    <col min="11780" max="11780" width="5.5" style="3" bestFit="1" customWidth="1"/>
    <col min="11781" max="11781" width="16.125" style="3" bestFit="1" customWidth="1"/>
    <col min="11782" max="11782" width="9" style="3"/>
    <col min="11783" max="11783" width="10.875" style="3" customWidth="1"/>
    <col min="11784" max="11786" width="14.25" style="3" bestFit="1" customWidth="1"/>
    <col min="11787" max="12032" width="9" style="3"/>
    <col min="12033" max="12033" width="2.375" style="3" customWidth="1"/>
    <col min="12034" max="12034" width="3.5" style="3" bestFit="1" customWidth="1"/>
    <col min="12035" max="12035" width="2.25" style="3" customWidth="1"/>
    <col min="12036" max="12036" width="5.5" style="3" bestFit="1" customWidth="1"/>
    <col min="12037" max="12037" width="16.125" style="3" bestFit="1" customWidth="1"/>
    <col min="12038" max="12038" width="9" style="3"/>
    <col min="12039" max="12039" width="10.875" style="3" customWidth="1"/>
    <col min="12040" max="12042" width="14.25" style="3" bestFit="1" customWidth="1"/>
    <col min="12043" max="12288" width="9" style="3"/>
    <col min="12289" max="12289" width="2.375" style="3" customWidth="1"/>
    <col min="12290" max="12290" width="3.5" style="3" bestFit="1" customWidth="1"/>
    <col min="12291" max="12291" width="2.25" style="3" customWidth="1"/>
    <col min="12292" max="12292" width="5.5" style="3" bestFit="1" customWidth="1"/>
    <col min="12293" max="12293" width="16.125" style="3" bestFit="1" customWidth="1"/>
    <col min="12294" max="12294" width="9" style="3"/>
    <col min="12295" max="12295" width="10.875" style="3" customWidth="1"/>
    <col min="12296" max="12298" width="14.25" style="3" bestFit="1" customWidth="1"/>
    <col min="12299" max="12544" width="9" style="3"/>
    <col min="12545" max="12545" width="2.375" style="3" customWidth="1"/>
    <col min="12546" max="12546" width="3.5" style="3" bestFit="1" customWidth="1"/>
    <col min="12547" max="12547" width="2.25" style="3" customWidth="1"/>
    <col min="12548" max="12548" width="5.5" style="3" bestFit="1" customWidth="1"/>
    <col min="12549" max="12549" width="16.125" style="3" bestFit="1" customWidth="1"/>
    <col min="12550" max="12550" width="9" style="3"/>
    <col min="12551" max="12551" width="10.875" style="3" customWidth="1"/>
    <col min="12552" max="12554" width="14.25" style="3" bestFit="1" customWidth="1"/>
    <col min="12555" max="12800" width="9" style="3"/>
    <col min="12801" max="12801" width="2.375" style="3" customWidth="1"/>
    <col min="12802" max="12802" width="3.5" style="3" bestFit="1" customWidth="1"/>
    <col min="12803" max="12803" width="2.25" style="3" customWidth="1"/>
    <col min="12804" max="12804" width="5.5" style="3" bestFit="1" customWidth="1"/>
    <col min="12805" max="12805" width="16.125" style="3" bestFit="1" customWidth="1"/>
    <col min="12806" max="12806" width="9" style="3"/>
    <col min="12807" max="12807" width="10.875" style="3" customWidth="1"/>
    <col min="12808" max="12810" width="14.25" style="3" bestFit="1" customWidth="1"/>
    <col min="12811" max="13056" width="9" style="3"/>
    <col min="13057" max="13057" width="2.375" style="3" customWidth="1"/>
    <col min="13058" max="13058" width="3.5" style="3" bestFit="1" customWidth="1"/>
    <col min="13059" max="13059" width="2.25" style="3" customWidth="1"/>
    <col min="13060" max="13060" width="5.5" style="3" bestFit="1" customWidth="1"/>
    <col min="13061" max="13061" width="16.125" style="3" bestFit="1" customWidth="1"/>
    <col min="13062" max="13062" width="9" style="3"/>
    <col min="13063" max="13063" width="10.875" style="3" customWidth="1"/>
    <col min="13064" max="13066" width="14.25" style="3" bestFit="1" customWidth="1"/>
    <col min="13067" max="13312" width="9" style="3"/>
    <col min="13313" max="13313" width="2.375" style="3" customWidth="1"/>
    <col min="13314" max="13314" width="3.5" style="3" bestFit="1" customWidth="1"/>
    <col min="13315" max="13315" width="2.25" style="3" customWidth="1"/>
    <col min="13316" max="13316" width="5.5" style="3" bestFit="1" customWidth="1"/>
    <col min="13317" max="13317" width="16.125" style="3" bestFit="1" customWidth="1"/>
    <col min="13318" max="13318" width="9" style="3"/>
    <col min="13319" max="13319" width="10.875" style="3" customWidth="1"/>
    <col min="13320" max="13322" width="14.25" style="3" bestFit="1" customWidth="1"/>
    <col min="13323" max="13568" width="9" style="3"/>
    <col min="13569" max="13569" width="2.375" style="3" customWidth="1"/>
    <col min="13570" max="13570" width="3.5" style="3" bestFit="1" customWidth="1"/>
    <col min="13571" max="13571" width="2.25" style="3" customWidth="1"/>
    <col min="13572" max="13572" width="5.5" style="3" bestFit="1" customWidth="1"/>
    <col min="13573" max="13573" width="16.125" style="3" bestFit="1" customWidth="1"/>
    <col min="13574" max="13574" width="9" style="3"/>
    <col min="13575" max="13575" width="10.875" style="3" customWidth="1"/>
    <col min="13576" max="13578" width="14.25" style="3" bestFit="1" customWidth="1"/>
    <col min="13579" max="13824" width="9" style="3"/>
    <col min="13825" max="13825" width="2.375" style="3" customWidth="1"/>
    <col min="13826" max="13826" width="3.5" style="3" bestFit="1" customWidth="1"/>
    <col min="13827" max="13827" width="2.25" style="3" customWidth="1"/>
    <col min="13828" max="13828" width="5.5" style="3" bestFit="1" customWidth="1"/>
    <col min="13829" max="13829" width="16.125" style="3" bestFit="1" customWidth="1"/>
    <col min="13830" max="13830" width="9" style="3"/>
    <col min="13831" max="13831" width="10.875" style="3" customWidth="1"/>
    <col min="13832" max="13834" width="14.25" style="3" bestFit="1" customWidth="1"/>
    <col min="13835" max="14080" width="9" style="3"/>
    <col min="14081" max="14081" width="2.375" style="3" customWidth="1"/>
    <col min="14082" max="14082" width="3.5" style="3" bestFit="1" customWidth="1"/>
    <col min="14083" max="14083" width="2.25" style="3" customWidth="1"/>
    <col min="14084" max="14084" width="5.5" style="3" bestFit="1" customWidth="1"/>
    <col min="14085" max="14085" width="16.125" style="3" bestFit="1" customWidth="1"/>
    <col min="14086" max="14086" width="9" style="3"/>
    <col min="14087" max="14087" width="10.875" style="3" customWidth="1"/>
    <col min="14088" max="14090" width="14.25" style="3" bestFit="1" customWidth="1"/>
    <col min="14091" max="14336" width="9" style="3"/>
    <col min="14337" max="14337" width="2.375" style="3" customWidth="1"/>
    <col min="14338" max="14338" width="3.5" style="3" bestFit="1" customWidth="1"/>
    <col min="14339" max="14339" width="2.25" style="3" customWidth="1"/>
    <col min="14340" max="14340" width="5.5" style="3" bestFit="1" customWidth="1"/>
    <col min="14341" max="14341" width="16.125" style="3" bestFit="1" customWidth="1"/>
    <col min="14342" max="14342" width="9" style="3"/>
    <col min="14343" max="14343" width="10.875" style="3" customWidth="1"/>
    <col min="14344" max="14346" width="14.25" style="3" bestFit="1" customWidth="1"/>
    <col min="14347" max="14592" width="9" style="3"/>
    <col min="14593" max="14593" width="2.375" style="3" customWidth="1"/>
    <col min="14594" max="14594" width="3.5" style="3" bestFit="1" customWidth="1"/>
    <col min="14595" max="14595" width="2.25" style="3" customWidth="1"/>
    <col min="14596" max="14596" width="5.5" style="3" bestFit="1" customWidth="1"/>
    <col min="14597" max="14597" width="16.125" style="3" bestFit="1" customWidth="1"/>
    <col min="14598" max="14598" width="9" style="3"/>
    <col min="14599" max="14599" width="10.875" style="3" customWidth="1"/>
    <col min="14600" max="14602" width="14.25" style="3" bestFit="1" customWidth="1"/>
    <col min="14603" max="14848" width="9" style="3"/>
    <col min="14849" max="14849" width="2.375" style="3" customWidth="1"/>
    <col min="14850" max="14850" width="3.5" style="3" bestFit="1" customWidth="1"/>
    <col min="14851" max="14851" width="2.25" style="3" customWidth="1"/>
    <col min="14852" max="14852" width="5.5" style="3" bestFit="1" customWidth="1"/>
    <col min="14853" max="14853" width="16.125" style="3" bestFit="1" customWidth="1"/>
    <col min="14854" max="14854" width="9" style="3"/>
    <col min="14855" max="14855" width="10.875" style="3" customWidth="1"/>
    <col min="14856" max="14858" width="14.25" style="3" bestFit="1" customWidth="1"/>
    <col min="14859" max="15104" width="9" style="3"/>
    <col min="15105" max="15105" width="2.375" style="3" customWidth="1"/>
    <col min="15106" max="15106" width="3.5" style="3" bestFit="1" customWidth="1"/>
    <col min="15107" max="15107" width="2.25" style="3" customWidth="1"/>
    <col min="15108" max="15108" width="5.5" style="3" bestFit="1" customWidth="1"/>
    <col min="15109" max="15109" width="16.125" style="3" bestFit="1" customWidth="1"/>
    <col min="15110" max="15110" width="9" style="3"/>
    <col min="15111" max="15111" width="10.875" style="3" customWidth="1"/>
    <col min="15112" max="15114" width="14.25" style="3" bestFit="1" customWidth="1"/>
    <col min="15115" max="15360" width="9" style="3"/>
    <col min="15361" max="15361" width="2.375" style="3" customWidth="1"/>
    <col min="15362" max="15362" width="3.5" style="3" bestFit="1" customWidth="1"/>
    <col min="15363" max="15363" width="2.25" style="3" customWidth="1"/>
    <col min="15364" max="15364" width="5.5" style="3" bestFit="1" customWidth="1"/>
    <col min="15365" max="15365" width="16.125" style="3" bestFit="1" customWidth="1"/>
    <col min="15366" max="15366" width="9" style="3"/>
    <col min="15367" max="15367" width="10.875" style="3" customWidth="1"/>
    <col min="15368" max="15370" width="14.25" style="3" bestFit="1" customWidth="1"/>
    <col min="15371" max="15616" width="9" style="3"/>
    <col min="15617" max="15617" width="2.375" style="3" customWidth="1"/>
    <col min="15618" max="15618" width="3.5" style="3" bestFit="1" customWidth="1"/>
    <col min="15619" max="15619" width="2.25" style="3" customWidth="1"/>
    <col min="15620" max="15620" width="5.5" style="3" bestFit="1" customWidth="1"/>
    <col min="15621" max="15621" width="16.125" style="3" bestFit="1" customWidth="1"/>
    <col min="15622" max="15622" width="9" style="3"/>
    <col min="15623" max="15623" width="10.875" style="3" customWidth="1"/>
    <col min="15624" max="15626" width="14.25" style="3" bestFit="1" customWidth="1"/>
    <col min="15627" max="15872" width="9" style="3"/>
    <col min="15873" max="15873" width="2.375" style="3" customWidth="1"/>
    <col min="15874" max="15874" width="3.5" style="3" bestFit="1" customWidth="1"/>
    <col min="15875" max="15875" width="2.25" style="3" customWidth="1"/>
    <col min="15876" max="15876" width="5.5" style="3" bestFit="1" customWidth="1"/>
    <col min="15877" max="15877" width="16.125" style="3" bestFit="1" customWidth="1"/>
    <col min="15878" max="15878" width="9" style="3"/>
    <col min="15879" max="15879" width="10.875" style="3" customWidth="1"/>
    <col min="15880" max="15882" width="14.25" style="3" bestFit="1" customWidth="1"/>
    <col min="15883" max="16128" width="9" style="3"/>
    <col min="16129" max="16129" width="2.375" style="3" customWidth="1"/>
    <col min="16130" max="16130" width="3.5" style="3" bestFit="1" customWidth="1"/>
    <col min="16131" max="16131" width="2.25" style="3" customWidth="1"/>
    <col min="16132" max="16132" width="5.5" style="3" bestFit="1" customWidth="1"/>
    <col min="16133" max="16133" width="16.125" style="3" bestFit="1" customWidth="1"/>
    <col min="16134" max="16134" width="9" style="3"/>
    <col min="16135" max="16135" width="10.875" style="3" customWidth="1"/>
    <col min="16136" max="16138" width="14.25" style="3" bestFit="1" customWidth="1"/>
    <col min="16139" max="16384" width="9" style="3"/>
  </cols>
  <sheetData>
    <row r="5" spans="1:10" ht="18" customHeight="1" x14ac:dyDescent="0.15">
      <c r="A5" t="s">
        <v>43</v>
      </c>
      <c r="I5" s="78"/>
      <c r="J5" s="62"/>
    </row>
    <row r="8" spans="1:10" ht="18" customHeight="1" x14ac:dyDescent="0.15">
      <c r="B8" s="8">
        <v>1</v>
      </c>
      <c r="C8" s="3" t="s">
        <v>44</v>
      </c>
    </row>
    <row r="9" spans="1:10" ht="18" customHeight="1" x14ac:dyDescent="0.15">
      <c r="D9" s="15" t="s">
        <v>65</v>
      </c>
    </row>
    <row r="11" spans="1:10" ht="18" customHeight="1" x14ac:dyDescent="0.15">
      <c r="B11" s="8">
        <v>2</v>
      </c>
      <c r="C11" s="3" t="s">
        <v>45</v>
      </c>
    </row>
    <row r="12" spans="1:10" ht="18" customHeight="1" x14ac:dyDescent="0.15">
      <c r="D12" s="72" t="s">
        <v>58</v>
      </c>
    </row>
    <row r="14" spans="1:10" ht="18" customHeight="1" x14ac:dyDescent="0.15">
      <c r="B14" s="8">
        <v>3</v>
      </c>
      <c r="C14" s="3" t="s">
        <v>46</v>
      </c>
    </row>
    <row r="15" spans="1:10" ht="18" customHeight="1" x14ac:dyDescent="0.15">
      <c r="D15" s="72" t="s">
        <v>59</v>
      </c>
    </row>
    <row r="17" spans="2:10" ht="18" customHeight="1" x14ac:dyDescent="0.15">
      <c r="B17" s="8">
        <v>4</v>
      </c>
      <c r="C17" s="3" t="s">
        <v>4</v>
      </c>
    </row>
    <row r="18" spans="2:10" ht="18" customHeight="1" x14ac:dyDescent="0.15">
      <c r="D18" s="3" t="s">
        <v>47</v>
      </c>
    </row>
    <row r="20" spans="2:10" ht="18" customHeight="1" x14ac:dyDescent="0.15">
      <c r="B20" s="8">
        <v>5</v>
      </c>
      <c r="C20" t="s">
        <v>33</v>
      </c>
    </row>
    <row r="21" spans="2:10" ht="18" customHeight="1" x14ac:dyDescent="0.15">
      <c r="D21" s="99" t="s">
        <v>60</v>
      </c>
      <c r="E21" s="99"/>
      <c r="F21" s="99"/>
    </row>
    <row r="23" spans="2:10" ht="18" customHeight="1" x14ac:dyDescent="0.15">
      <c r="B23" s="8">
        <v>6</v>
      </c>
      <c r="C23" s="3" t="s">
        <v>5</v>
      </c>
    </row>
    <row r="24" spans="2:10" ht="18" customHeight="1" x14ac:dyDescent="0.15">
      <c r="C24" t="s">
        <v>52</v>
      </c>
    </row>
    <row r="25" spans="2:10" x14ac:dyDescent="0.15">
      <c r="D25" s="23"/>
      <c r="E25" s="24"/>
      <c r="F25" s="25"/>
      <c r="G25" s="26"/>
      <c r="H25" s="27" t="s">
        <v>6</v>
      </c>
      <c r="I25" s="26"/>
      <c r="J25" s="28"/>
    </row>
    <row r="26" spans="2:10" x14ac:dyDescent="0.15">
      <c r="D26" s="29"/>
      <c r="E26" s="30"/>
      <c r="F26" s="21"/>
      <c r="G26" s="21" t="s">
        <v>7</v>
      </c>
      <c r="H26" s="21"/>
      <c r="I26" s="31"/>
      <c r="J26" s="31"/>
    </row>
    <row r="27" spans="2:10" x14ac:dyDescent="0.15">
      <c r="D27" s="29"/>
      <c r="E27" s="30"/>
      <c r="F27" s="32" t="s">
        <v>8</v>
      </c>
      <c r="G27" s="33" t="s">
        <v>9</v>
      </c>
      <c r="H27" s="34" t="s">
        <v>10</v>
      </c>
      <c r="I27" s="2" t="s">
        <v>48</v>
      </c>
      <c r="J27" s="31" t="s">
        <v>11</v>
      </c>
    </row>
    <row r="28" spans="2:10" x14ac:dyDescent="0.15">
      <c r="D28" s="35"/>
      <c r="E28" s="36"/>
      <c r="F28" s="21" t="s">
        <v>12</v>
      </c>
      <c r="G28" s="37" t="s">
        <v>12</v>
      </c>
      <c r="H28" s="38" t="s">
        <v>12</v>
      </c>
      <c r="I28" s="39"/>
      <c r="J28" s="39"/>
    </row>
    <row r="29" spans="2:10" x14ac:dyDescent="0.15">
      <c r="D29" s="95" t="s">
        <v>53</v>
      </c>
      <c r="E29" s="40" t="s">
        <v>61</v>
      </c>
      <c r="F29" s="41"/>
      <c r="G29" s="42"/>
      <c r="H29" s="43">
        <v>9500000</v>
      </c>
      <c r="I29" s="44">
        <v>70000000</v>
      </c>
      <c r="J29" s="45">
        <f t="shared" ref="J29:J35" si="0">IF(SUM(F29:I29)=0,"",SUM(F29:I29))</f>
        <v>79500000</v>
      </c>
    </row>
    <row r="30" spans="2:10" x14ac:dyDescent="0.15">
      <c r="D30" s="96"/>
      <c r="E30" s="46" t="s">
        <v>62</v>
      </c>
      <c r="F30" s="47"/>
      <c r="G30" s="48"/>
      <c r="H30" s="49"/>
      <c r="I30" s="50">
        <v>4000000</v>
      </c>
      <c r="J30" s="51">
        <f t="shared" si="0"/>
        <v>4000000</v>
      </c>
    </row>
    <row r="31" spans="2:10" x14ac:dyDescent="0.15">
      <c r="D31" s="96"/>
      <c r="E31" s="46" t="s">
        <v>63</v>
      </c>
      <c r="F31" s="47"/>
      <c r="G31" s="48">
        <v>500000</v>
      </c>
      <c r="H31" s="49">
        <v>500000</v>
      </c>
      <c r="I31" s="50"/>
      <c r="J31" s="51">
        <f t="shared" si="0"/>
        <v>1000000</v>
      </c>
    </row>
    <row r="32" spans="2:10" x14ac:dyDescent="0.15">
      <c r="D32" s="96"/>
      <c r="E32" s="46" t="s">
        <v>64</v>
      </c>
      <c r="F32" s="47"/>
      <c r="G32" s="48"/>
      <c r="H32" s="49">
        <v>500000</v>
      </c>
      <c r="I32" s="50"/>
      <c r="J32" s="51">
        <f t="shared" si="0"/>
        <v>500000</v>
      </c>
    </row>
    <row r="33" spans="3:12" ht="14.25" customHeight="1" x14ac:dyDescent="0.15">
      <c r="D33" s="96"/>
      <c r="E33" s="46"/>
      <c r="F33" s="47"/>
      <c r="G33" s="48"/>
      <c r="H33" s="49"/>
      <c r="I33" s="50"/>
      <c r="J33" s="51" t="str">
        <f t="shared" si="0"/>
        <v/>
      </c>
    </row>
    <row r="34" spans="3:12" x14ac:dyDescent="0.15">
      <c r="D34" s="96"/>
      <c r="E34" s="46"/>
      <c r="F34" s="47"/>
      <c r="G34" s="48"/>
      <c r="H34" s="49"/>
      <c r="I34" s="50"/>
      <c r="J34" s="51" t="str">
        <f t="shared" si="0"/>
        <v/>
      </c>
    </row>
    <row r="35" spans="3:12" x14ac:dyDescent="0.15">
      <c r="D35" s="97"/>
      <c r="E35" s="52"/>
      <c r="F35" s="53"/>
      <c r="G35" s="54"/>
      <c r="H35" s="55"/>
      <c r="I35" s="56"/>
      <c r="J35" s="57" t="str">
        <f t="shared" si="0"/>
        <v/>
      </c>
    </row>
    <row r="36" spans="3:12" ht="18" customHeight="1" x14ac:dyDescent="0.15">
      <c r="D36" s="93" t="s">
        <v>11</v>
      </c>
      <c r="E36" s="94"/>
      <c r="F36" s="58" t="str">
        <f>IF(SUM(F29:F35)=0,"",SUM(F29:F35))</f>
        <v/>
      </c>
      <c r="G36" s="59">
        <f>IF(SUM(G29:G35)=0,"",SUM(G29:G35))</f>
        <v>500000</v>
      </c>
      <c r="H36" s="60">
        <f>IF(SUM(H29:H35)=0,"",SUM(H29:H35))</f>
        <v>10500000</v>
      </c>
      <c r="I36" s="61">
        <f>IF(SUM(I29:I35)=0,"",SUM(I29:I35))</f>
        <v>74000000</v>
      </c>
      <c r="J36" s="61">
        <f>IF(SUM(J29:J35)=0,"",SUM(J29:J35))</f>
        <v>85000000</v>
      </c>
    </row>
    <row r="37" spans="3:12" x14ac:dyDescent="0.15">
      <c r="C37" s="62"/>
      <c r="D37" s="63"/>
    </row>
    <row r="39" spans="3:12" ht="18" customHeight="1" x14ac:dyDescent="0.15">
      <c r="C39" s="3" t="s">
        <v>13</v>
      </c>
    </row>
    <row r="40" spans="3:12" ht="18" customHeight="1" x14ac:dyDescent="0.15">
      <c r="D40" s="102">
        <v>4.02E-2</v>
      </c>
      <c r="E40" s="100"/>
      <c r="F40" s="101"/>
      <c r="G40" s="101"/>
    </row>
    <row r="42" spans="3:12" x14ac:dyDescent="0.15">
      <c r="C42" t="s">
        <v>54</v>
      </c>
    </row>
    <row r="43" spans="3:12" x14ac:dyDescent="0.15">
      <c r="C43"/>
      <c r="D43" t="s">
        <v>66</v>
      </c>
    </row>
    <row r="45" spans="3:12" ht="18" customHeight="1" x14ac:dyDescent="0.15">
      <c r="C45" t="s">
        <v>55</v>
      </c>
    </row>
    <row r="46" spans="3:12" ht="18" customHeight="1" x14ac:dyDescent="0.15">
      <c r="D46" s="15" t="s">
        <v>71</v>
      </c>
      <c r="L46" s="71"/>
    </row>
    <row r="47" spans="3:12" ht="18" customHeight="1" x14ac:dyDescent="0.15">
      <c r="D47" s="70"/>
      <c r="L47" s="71"/>
    </row>
    <row r="48" spans="3:12"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row r="70" ht="18" customHeight="1" x14ac:dyDescent="0.15"/>
    <row r="71" ht="18" customHeight="1" x14ac:dyDescent="0.15"/>
    <row r="72" ht="18" customHeight="1" x14ac:dyDescent="0.15"/>
    <row r="73" ht="18" customHeight="1" x14ac:dyDescent="0.15"/>
    <row r="74" ht="18" customHeight="1" x14ac:dyDescent="0.15"/>
    <row r="75" ht="18" customHeight="1" x14ac:dyDescent="0.15"/>
    <row r="76" ht="18" customHeight="1" x14ac:dyDescent="0.15"/>
    <row r="77" ht="18" customHeight="1" x14ac:dyDescent="0.15"/>
    <row r="78" ht="18" customHeight="1" x14ac:dyDescent="0.15"/>
    <row r="79" ht="18" customHeight="1" x14ac:dyDescent="0.15"/>
    <row r="80" ht="18" customHeight="1" x14ac:dyDescent="0.15"/>
    <row r="81" ht="18" customHeight="1" x14ac:dyDescent="0.15"/>
    <row r="82" ht="18" customHeight="1" x14ac:dyDescent="0.15"/>
    <row r="83" ht="18" customHeight="1" x14ac:dyDescent="0.15"/>
    <row r="84" ht="18" customHeight="1" x14ac:dyDescent="0.15"/>
    <row r="85" ht="18" customHeight="1" x14ac:dyDescent="0.15"/>
    <row r="86" ht="18" customHeight="1" x14ac:dyDescent="0.15"/>
    <row r="87" ht="18" customHeight="1" x14ac:dyDescent="0.15"/>
  </sheetData>
  <mergeCells count="4">
    <mergeCell ref="D21:F21"/>
    <mergeCell ref="D29:D35"/>
    <mergeCell ref="D36:E36"/>
    <mergeCell ref="D40:G40"/>
  </mergeCells>
  <phoneticPr fontId="2"/>
  <conditionalFormatting sqref="D46 D40 D12 D9 D18 D15 D21">
    <cfRule type="cellIs" dxfId="2" priority="1" stopIfTrue="1" operator="equal">
      <formula>""</formula>
    </cfRule>
  </conditionalFormatting>
  <printOptions horizontalCentered="1"/>
  <pageMargins left="0.35433070866141736" right="0.39370078740157483" top="0.19685039370078741" bottom="0.55118110236220474" header="0.74803149606299213" footer="0.35433070866141736"/>
  <pageSetup paperSize="9" scale="96" orientation="portrait"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pageSetUpPr fitToPage="1"/>
  </sheetPr>
  <dimension ref="A5:J67"/>
  <sheetViews>
    <sheetView view="pageBreakPreview" zoomScaleNormal="100" zoomScaleSheetLayoutView="100" workbookViewId="0"/>
  </sheetViews>
  <sheetFormatPr defaultColWidth="9" defaultRowHeight="13.5" x14ac:dyDescent="0.15"/>
  <cols>
    <col min="1" max="1" width="2.375" style="3" customWidth="1"/>
    <col min="2" max="2" width="3.5" style="8" bestFit="1" customWidth="1"/>
    <col min="3" max="3" width="2.25" style="3" customWidth="1"/>
    <col min="4" max="4" width="5.5" style="3" bestFit="1" customWidth="1"/>
    <col min="5" max="5" width="16.125" style="3" bestFit="1" customWidth="1"/>
    <col min="6" max="6" width="9" style="3"/>
    <col min="7" max="7" width="10.875" style="3" customWidth="1"/>
    <col min="8" max="9" width="11.625" style="3" bestFit="1" customWidth="1"/>
    <col min="10" max="10" width="11.75" style="3" bestFit="1" customWidth="1"/>
    <col min="11" max="256" width="9" style="3"/>
    <col min="257" max="257" width="2.375" style="3" customWidth="1"/>
    <col min="258" max="258" width="3.5" style="3" bestFit="1" customWidth="1"/>
    <col min="259" max="259" width="2.25" style="3" customWidth="1"/>
    <col min="260" max="260" width="5.5" style="3" bestFit="1" customWidth="1"/>
    <col min="261" max="261" width="16.125" style="3" bestFit="1" customWidth="1"/>
    <col min="262" max="262" width="9" style="3"/>
    <col min="263" max="263" width="10.875" style="3" customWidth="1"/>
    <col min="264" max="265" width="11.625" style="3" bestFit="1" customWidth="1"/>
    <col min="266" max="266" width="11.75" style="3" bestFit="1" customWidth="1"/>
    <col min="267" max="512" width="9" style="3"/>
    <col min="513" max="513" width="2.375" style="3" customWidth="1"/>
    <col min="514" max="514" width="3.5" style="3" bestFit="1" customWidth="1"/>
    <col min="515" max="515" width="2.25" style="3" customWidth="1"/>
    <col min="516" max="516" width="5.5" style="3" bestFit="1" customWidth="1"/>
    <col min="517" max="517" width="16.125" style="3" bestFit="1" customWidth="1"/>
    <col min="518" max="518" width="9" style="3"/>
    <col min="519" max="519" width="10.875" style="3" customWidth="1"/>
    <col min="520" max="521" width="11.625" style="3" bestFit="1" customWidth="1"/>
    <col min="522" max="522" width="11.75" style="3" bestFit="1" customWidth="1"/>
    <col min="523" max="768" width="9" style="3"/>
    <col min="769" max="769" width="2.375" style="3" customWidth="1"/>
    <col min="770" max="770" width="3.5" style="3" bestFit="1" customWidth="1"/>
    <col min="771" max="771" width="2.25" style="3" customWidth="1"/>
    <col min="772" max="772" width="5.5" style="3" bestFit="1" customWidth="1"/>
    <col min="773" max="773" width="16.125" style="3" bestFit="1" customWidth="1"/>
    <col min="774" max="774" width="9" style="3"/>
    <col min="775" max="775" width="10.875" style="3" customWidth="1"/>
    <col min="776" max="777" width="11.625" style="3" bestFit="1" customWidth="1"/>
    <col min="778" max="778" width="11.75" style="3" bestFit="1" customWidth="1"/>
    <col min="779" max="1024" width="9" style="3"/>
    <col min="1025" max="1025" width="2.375" style="3" customWidth="1"/>
    <col min="1026" max="1026" width="3.5" style="3" bestFit="1" customWidth="1"/>
    <col min="1027" max="1027" width="2.25" style="3" customWidth="1"/>
    <col min="1028" max="1028" width="5.5" style="3" bestFit="1" customWidth="1"/>
    <col min="1029" max="1029" width="16.125" style="3" bestFit="1" customWidth="1"/>
    <col min="1030" max="1030" width="9" style="3"/>
    <col min="1031" max="1031" width="10.875" style="3" customWidth="1"/>
    <col min="1032" max="1033" width="11.625" style="3" bestFit="1" customWidth="1"/>
    <col min="1034" max="1034" width="11.75" style="3" bestFit="1" customWidth="1"/>
    <col min="1035" max="1280" width="9" style="3"/>
    <col min="1281" max="1281" width="2.375" style="3" customWidth="1"/>
    <col min="1282" max="1282" width="3.5" style="3" bestFit="1" customWidth="1"/>
    <col min="1283" max="1283" width="2.25" style="3" customWidth="1"/>
    <col min="1284" max="1284" width="5.5" style="3" bestFit="1" customWidth="1"/>
    <col min="1285" max="1285" width="16.125" style="3" bestFit="1" customWidth="1"/>
    <col min="1286" max="1286" width="9" style="3"/>
    <col min="1287" max="1287" width="10.875" style="3" customWidth="1"/>
    <col min="1288" max="1289" width="11.625" style="3" bestFit="1" customWidth="1"/>
    <col min="1290" max="1290" width="11.75" style="3" bestFit="1" customWidth="1"/>
    <col min="1291" max="1536" width="9" style="3"/>
    <col min="1537" max="1537" width="2.375" style="3" customWidth="1"/>
    <col min="1538" max="1538" width="3.5" style="3" bestFit="1" customWidth="1"/>
    <col min="1539" max="1539" width="2.25" style="3" customWidth="1"/>
    <col min="1540" max="1540" width="5.5" style="3" bestFit="1" customWidth="1"/>
    <col min="1541" max="1541" width="16.125" style="3" bestFit="1" customWidth="1"/>
    <col min="1542" max="1542" width="9" style="3"/>
    <col min="1543" max="1543" width="10.875" style="3" customWidth="1"/>
    <col min="1544" max="1545" width="11.625" style="3" bestFit="1" customWidth="1"/>
    <col min="1546" max="1546" width="11.75" style="3" bestFit="1" customWidth="1"/>
    <col min="1547" max="1792" width="9" style="3"/>
    <col min="1793" max="1793" width="2.375" style="3" customWidth="1"/>
    <col min="1794" max="1794" width="3.5" style="3" bestFit="1" customWidth="1"/>
    <col min="1795" max="1795" width="2.25" style="3" customWidth="1"/>
    <col min="1796" max="1796" width="5.5" style="3" bestFit="1" customWidth="1"/>
    <col min="1797" max="1797" width="16.125" style="3" bestFit="1" customWidth="1"/>
    <col min="1798" max="1798" width="9" style="3"/>
    <col min="1799" max="1799" width="10.875" style="3" customWidth="1"/>
    <col min="1800" max="1801" width="11.625" style="3" bestFit="1" customWidth="1"/>
    <col min="1802" max="1802" width="11.75" style="3" bestFit="1" customWidth="1"/>
    <col min="1803" max="2048" width="9" style="3"/>
    <col min="2049" max="2049" width="2.375" style="3" customWidth="1"/>
    <col min="2050" max="2050" width="3.5" style="3" bestFit="1" customWidth="1"/>
    <col min="2051" max="2051" width="2.25" style="3" customWidth="1"/>
    <col min="2052" max="2052" width="5.5" style="3" bestFit="1" customWidth="1"/>
    <col min="2053" max="2053" width="16.125" style="3" bestFit="1" customWidth="1"/>
    <col min="2054" max="2054" width="9" style="3"/>
    <col min="2055" max="2055" width="10.875" style="3" customWidth="1"/>
    <col min="2056" max="2057" width="11.625" style="3" bestFit="1" customWidth="1"/>
    <col min="2058" max="2058" width="11.75" style="3" bestFit="1" customWidth="1"/>
    <col min="2059" max="2304" width="9" style="3"/>
    <col min="2305" max="2305" width="2.375" style="3" customWidth="1"/>
    <col min="2306" max="2306" width="3.5" style="3" bestFit="1" customWidth="1"/>
    <col min="2307" max="2307" width="2.25" style="3" customWidth="1"/>
    <col min="2308" max="2308" width="5.5" style="3" bestFit="1" customWidth="1"/>
    <col min="2309" max="2309" width="16.125" style="3" bestFit="1" customWidth="1"/>
    <col min="2310" max="2310" width="9" style="3"/>
    <col min="2311" max="2311" width="10.875" style="3" customWidth="1"/>
    <col min="2312" max="2313" width="11.625" style="3" bestFit="1" customWidth="1"/>
    <col min="2314" max="2314" width="11.75" style="3" bestFit="1" customWidth="1"/>
    <col min="2315" max="2560" width="9" style="3"/>
    <col min="2561" max="2561" width="2.375" style="3" customWidth="1"/>
    <col min="2562" max="2562" width="3.5" style="3" bestFit="1" customWidth="1"/>
    <col min="2563" max="2563" width="2.25" style="3" customWidth="1"/>
    <col min="2564" max="2564" width="5.5" style="3" bestFit="1" customWidth="1"/>
    <col min="2565" max="2565" width="16.125" style="3" bestFit="1" customWidth="1"/>
    <col min="2566" max="2566" width="9" style="3"/>
    <col min="2567" max="2567" width="10.875" style="3" customWidth="1"/>
    <col min="2568" max="2569" width="11.625" style="3" bestFit="1" customWidth="1"/>
    <col min="2570" max="2570" width="11.75" style="3" bestFit="1" customWidth="1"/>
    <col min="2571" max="2816" width="9" style="3"/>
    <col min="2817" max="2817" width="2.375" style="3" customWidth="1"/>
    <col min="2818" max="2818" width="3.5" style="3" bestFit="1" customWidth="1"/>
    <col min="2819" max="2819" width="2.25" style="3" customWidth="1"/>
    <col min="2820" max="2820" width="5.5" style="3" bestFit="1" customWidth="1"/>
    <col min="2821" max="2821" width="16.125" style="3" bestFit="1" customWidth="1"/>
    <col min="2822" max="2822" width="9" style="3"/>
    <col min="2823" max="2823" width="10.875" style="3" customWidth="1"/>
    <col min="2824" max="2825" width="11.625" style="3" bestFit="1" customWidth="1"/>
    <col min="2826" max="2826" width="11.75" style="3" bestFit="1" customWidth="1"/>
    <col min="2827" max="3072" width="9" style="3"/>
    <col min="3073" max="3073" width="2.375" style="3" customWidth="1"/>
    <col min="3074" max="3074" width="3.5" style="3" bestFit="1" customWidth="1"/>
    <col min="3075" max="3075" width="2.25" style="3" customWidth="1"/>
    <col min="3076" max="3076" width="5.5" style="3" bestFit="1" customWidth="1"/>
    <col min="3077" max="3077" width="16.125" style="3" bestFit="1" customWidth="1"/>
    <col min="3078" max="3078" width="9" style="3"/>
    <col min="3079" max="3079" width="10.875" style="3" customWidth="1"/>
    <col min="3080" max="3081" width="11.625" style="3" bestFit="1" customWidth="1"/>
    <col min="3082" max="3082" width="11.75" style="3" bestFit="1" customWidth="1"/>
    <col min="3083" max="3328" width="9" style="3"/>
    <col min="3329" max="3329" width="2.375" style="3" customWidth="1"/>
    <col min="3330" max="3330" width="3.5" style="3" bestFit="1" customWidth="1"/>
    <col min="3331" max="3331" width="2.25" style="3" customWidth="1"/>
    <col min="3332" max="3332" width="5.5" style="3" bestFit="1" customWidth="1"/>
    <col min="3333" max="3333" width="16.125" style="3" bestFit="1" customWidth="1"/>
    <col min="3334" max="3334" width="9" style="3"/>
    <col min="3335" max="3335" width="10.875" style="3" customWidth="1"/>
    <col min="3336" max="3337" width="11.625" style="3" bestFit="1" customWidth="1"/>
    <col min="3338" max="3338" width="11.75" style="3" bestFit="1" customWidth="1"/>
    <col min="3339" max="3584" width="9" style="3"/>
    <col min="3585" max="3585" width="2.375" style="3" customWidth="1"/>
    <col min="3586" max="3586" width="3.5" style="3" bestFit="1" customWidth="1"/>
    <col min="3587" max="3587" width="2.25" style="3" customWidth="1"/>
    <col min="3588" max="3588" width="5.5" style="3" bestFit="1" customWidth="1"/>
    <col min="3589" max="3589" width="16.125" style="3" bestFit="1" customWidth="1"/>
    <col min="3590" max="3590" width="9" style="3"/>
    <col min="3591" max="3591" width="10.875" style="3" customWidth="1"/>
    <col min="3592" max="3593" width="11.625" style="3" bestFit="1" customWidth="1"/>
    <col min="3594" max="3594" width="11.75" style="3" bestFit="1" customWidth="1"/>
    <col min="3595" max="3840" width="9" style="3"/>
    <col min="3841" max="3841" width="2.375" style="3" customWidth="1"/>
    <col min="3842" max="3842" width="3.5" style="3" bestFit="1" customWidth="1"/>
    <col min="3843" max="3843" width="2.25" style="3" customWidth="1"/>
    <col min="3844" max="3844" width="5.5" style="3" bestFit="1" customWidth="1"/>
    <col min="3845" max="3845" width="16.125" style="3" bestFit="1" customWidth="1"/>
    <col min="3846" max="3846" width="9" style="3"/>
    <col min="3847" max="3847" width="10.875" style="3" customWidth="1"/>
    <col min="3848" max="3849" width="11.625" style="3" bestFit="1" customWidth="1"/>
    <col min="3850" max="3850" width="11.75" style="3" bestFit="1" customWidth="1"/>
    <col min="3851" max="4096" width="9" style="3"/>
    <col min="4097" max="4097" width="2.375" style="3" customWidth="1"/>
    <col min="4098" max="4098" width="3.5" style="3" bestFit="1" customWidth="1"/>
    <col min="4099" max="4099" width="2.25" style="3" customWidth="1"/>
    <col min="4100" max="4100" width="5.5" style="3" bestFit="1" customWidth="1"/>
    <col min="4101" max="4101" width="16.125" style="3" bestFit="1" customWidth="1"/>
    <col min="4102" max="4102" width="9" style="3"/>
    <col min="4103" max="4103" width="10.875" style="3" customWidth="1"/>
    <col min="4104" max="4105" width="11.625" style="3" bestFit="1" customWidth="1"/>
    <col min="4106" max="4106" width="11.75" style="3" bestFit="1" customWidth="1"/>
    <col min="4107" max="4352" width="9" style="3"/>
    <col min="4353" max="4353" width="2.375" style="3" customWidth="1"/>
    <col min="4354" max="4354" width="3.5" style="3" bestFit="1" customWidth="1"/>
    <col min="4355" max="4355" width="2.25" style="3" customWidth="1"/>
    <col min="4356" max="4356" width="5.5" style="3" bestFit="1" customWidth="1"/>
    <col min="4357" max="4357" width="16.125" style="3" bestFit="1" customWidth="1"/>
    <col min="4358" max="4358" width="9" style="3"/>
    <col min="4359" max="4359" width="10.875" style="3" customWidth="1"/>
    <col min="4360" max="4361" width="11.625" style="3" bestFit="1" customWidth="1"/>
    <col min="4362" max="4362" width="11.75" style="3" bestFit="1" customWidth="1"/>
    <col min="4363" max="4608" width="9" style="3"/>
    <col min="4609" max="4609" width="2.375" style="3" customWidth="1"/>
    <col min="4610" max="4610" width="3.5" style="3" bestFit="1" customWidth="1"/>
    <col min="4611" max="4611" width="2.25" style="3" customWidth="1"/>
    <col min="4612" max="4612" width="5.5" style="3" bestFit="1" customWidth="1"/>
    <col min="4613" max="4613" width="16.125" style="3" bestFit="1" customWidth="1"/>
    <col min="4614" max="4614" width="9" style="3"/>
    <col min="4615" max="4615" width="10.875" style="3" customWidth="1"/>
    <col min="4616" max="4617" width="11.625" style="3" bestFit="1" customWidth="1"/>
    <col min="4618" max="4618" width="11.75" style="3" bestFit="1" customWidth="1"/>
    <col min="4619" max="4864" width="9" style="3"/>
    <col min="4865" max="4865" width="2.375" style="3" customWidth="1"/>
    <col min="4866" max="4866" width="3.5" style="3" bestFit="1" customWidth="1"/>
    <col min="4867" max="4867" width="2.25" style="3" customWidth="1"/>
    <col min="4868" max="4868" width="5.5" style="3" bestFit="1" customWidth="1"/>
    <col min="4869" max="4869" width="16.125" style="3" bestFit="1" customWidth="1"/>
    <col min="4870" max="4870" width="9" style="3"/>
    <col min="4871" max="4871" width="10.875" style="3" customWidth="1"/>
    <col min="4872" max="4873" width="11.625" style="3" bestFit="1" customWidth="1"/>
    <col min="4874" max="4874" width="11.75" style="3" bestFit="1" customWidth="1"/>
    <col min="4875" max="5120" width="9" style="3"/>
    <col min="5121" max="5121" width="2.375" style="3" customWidth="1"/>
    <col min="5122" max="5122" width="3.5" style="3" bestFit="1" customWidth="1"/>
    <col min="5123" max="5123" width="2.25" style="3" customWidth="1"/>
    <col min="5124" max="5124" width="5.5" style="3" bestFit="1" customWidth="1"/>
    <col min="5125" max="5125" width="16.125" style="3" bestFit="1" customWidth="1"/>
    <col min="5126" max="5126" width="9" style="3"/>
    <col min="5127" max="5127" width="10.875" style="3" customWidth="1"/>
    <col min="5128" max="5129" width="11.625" style="3" bestFit="1" customWidth="1"/>
    <col min="5130" max="5130" width="11.75" style="3" bestFit="1" customWidth="1"/>
    <col min="5131" max="5376" width="9" style="3"/>
    <col min="5377" max="5377" width="2.375" style="3" customWidth="1"/>
    <col min="5378" max="5378" width="3.5" style="3" bestFit="1" customWidth="1"/>
    <col min="5379" max="5379" width="2.25" style="3" customWidth="1"/>
    <col min="5380" max="5380" width="5.5" style="3" bestFit="1" customWidth="1"/>
    <col min="5381" max="5381" width="16.125" style="3" bestFit="1" customWidth="1"/>
    <col min="5382" max="5382" width="9" style="3"/>
    <col min="5383" max="5383" width="10.875" style="3" customWidth="1"/>
    <col min="5384" max="5385" width="11.625" style="3" bestFit="1" customWidth="1"/>
    <col min="5386" max="5386" width="11.75" style="3" bestFit="1" customWidth="1"/>
    <col min="5387" max="5632" width="9" style="3"/>
    <col min="5633" max="5633" width="2.375" style="3" customWidth="1"/>
    <col min="5634" max="5634" width="3.5" style="3" bestFit="1" customWidth="1"/>
    <col min="5635" max="5635" width="2.25" style="3" customWidth="1"/>
    <col min="5636" max="5636" width="5.5" style="3" bestFit="1" customWidth="1"/>
    <col min="5637" max="5637" width="16.125" style="3" bestFit="1" customWidth="1"/>
    <col min="5638" max="5638" width="9" style="3"/>
    <col min="5639" max="5639" width="10.875" style="3" customWidth="1"/>
    <col min="5640" max="5641" width="11.625" style="3" bestFit="1" customWidth="1"/>
    <col min="5642" max="5642" width="11.75" style="3" bestFit="1" customWidth="1"/>
    <col min="5643" max="5888" width="9" style="3"/>
    <col min="5889" max="5889" width="2.375" style="3" customWidth="1"/>
    <col min="5890" max="5890" width="3.5" style="3" bestFit="1" customWidth="1"/>
    <col min="5891" max="5891" width="2.25" style="3" customWidth="1"/>
    <col min="5892" max="5892" width="5.5" style="3" bestFit="1" customWidth="1"/>
    <col min="5893" max="5893" width="16.125" style="3" bestFit="1" customWidth="1"/>
    <col min="5894" max="5894" width="9" style="3"/>
    <col min="5895" max="5895" width="10.875" style="3" customWidth="1"/>
    <col min="5896" max="5897" width="11.625" style="3" bestFit="1" customWidth="1"/>
    <col min="5898" max="5898" width="11.75" style="3" bestFit="1" customWidth="1"/>
    <col min="5899" max="6144" width="9" style="3"/>
    <col min="6145" max="6145" width="2.375" style="3" customWidth="1"/>
    <col min="6146" max="6146" width="3.5" style="3" bestFit="1" customWidth="1"/>
    <col min="6147" max="6147" width="2.25" style="3" customWidth="1"/>
    <col min="6148" max="6148" width="5.5" style="3" bestFit="1" customWidth="1"/>
    <col min="6149" max="6149" width="16.125" style="3" bestFit="1" customWidth="1"/>
    <col min="6150" max="6150" width="9" style="3"/>
    <col min="6151" max="6151" width="10.875" style="3" customWidth="1"/>
    <col min="6152" max="6153" width="11.625" style="3" bestFit="1" customWidth="1"/>
    <col min="6154" max="6154" width="11.75" style="3" bestFit="1" customWidth="1"/>
    <col min="6155" max="6400" width="9" style="3"/>
    <col min="6401" max="6401" width="2.375" style="3" customWidth="1"/>
    <col min="6402" max="6402" width="3.5" style="3" bestFit="1" customWidth="1"/>
    <col min="6403" max="6403" width="2.25" style="3" customWidth="1"/>
    <col min="6404" max="6404" width="5.5" style="3" bestFit="1" customWidth="1"/>
    <col min="6405" max="6405" width="16.125" style="3" bestFit="1" customWidth="1"/>
    <col min="6406" max="6406" width="9" style="3"/>
    <col min="6407" max="6407" width="10.875" style="3" customWidth="1"/>
    <col min="6408" max="6409" width="11.625" style="3" bestFit="1" customWidth="1"/>
    <col min="6410" max="6410" width="11.75" style="3" bestFit="1" customWidth="1"/>
    <col min="6411" max="6656" width="9" style="3"/>
    <col min="6657" max="6657" width="2.375" style="3" customWidth="1"/>
    <col min="6658" max="6658" width="3.5" style="3" bestFit="1" customWidth="1"/>
    <col min="6659" max="6659" width="2.25" style="3" customWidth="1"/>
    <col min="6660" max="6660" width="5.5" style="3" bestFit="1" customWidth="1"/>
    <col min="6661" max="6661" width="16.125" style="3" bestFit="1" customWidth="1"/>
    <col min="6662" max="6662" width="9" style="3"/>
    <col min="6663" max="6663" width="10.875" style="3" customWidth="1"/>
    <col min="6664" max="6665" width="11.625" style="3" bestFit="1" customWidth="1"/>
    <col min="6666" max="6666" width="11.75" style="3" bestFit="1" customWidth="1"/>
    <col min="6667" max="6912" width="9" style="3"/>
    <col min="6913" max="6913" width="2.375" style="3" customWidth="1"/>
    <col min="6914" max="6914" width="3.5" style="3" bestFit="1" customWidth="1"/>
    <col min="6915" max="6915" width="2.25" style="3" customWidth="1"/>
    <col min="6916" max="6916" width="5.5" style="3" bestFit="1" customWidth="1"/>
    <col min="6917" max="6917" width="16.125" style="3" bestFit="1" customWidth="1"/>
    <col min="6918" max="6918" width="9" style="3"/>
    <col min="6919" max="6919" width="10.875" style="3" customWidth="1"/>
    <col min="6920" max="6921" width="11.625" style="3" bestFit="1" customWidth="1"/>
    <col min="6922" max="6922" width="11.75" style="3" bestFit="1" customWidth="1"/>
    <col min="6923" max="7168" width="9" style="3"/>
    <col min="7169" max="7169" width="2.375" style="3" customWidth="1"/>
    <col min="7170" max="7170" width="3.5" style="3" bestFit="1" customWidth="1"/>
    <col min="7171" max="7171" width="2.25" style="3" customWidth="1"/>
    <col min="7172" max="7172" width="5.5" style="3" bestFit="1" customWidth="1"/>
    <col min="7173" max="7173" width="16.125" style="3" bestFit="1" customWidth="1"/>
    <col min="7174" max="7174" width="9" style="3"/>
    <col min="7175" max="7175" width="10.875" style="3" customWidth="1"/>
    <col min="7176" max="7177" width="11.625" style="3" bestFit="1" customWidth="1"/>
    <col min="7178" max="7178" width="11.75" style="3" bestFit="1" customWidth="1"/>
    <col min="7179" max="7424" width="9" style="3"/>
    <col min="7425" max="7425" width="2.375" style="3" customWidth="1"/>
    <col min="7426" max="7426" width="3.5" style="3" bestFit="1" customWidth="1"/>
    <col min="7427" max="7427" width="2.25" style="3" customWidth="1"/>
    <col min="7428" max="7428" width="5.5" style="3" bestFit="1" customWidth="1"/>
    <col min="7429" max="7429" width="16.125" style="3" bestFit="1" customWidth="1"/>
    <col min="7430" max="7430" width="9" style="3"/>
    <col min="7431" max="7431" width="10.875" style="3" customWidth="1"/>
    <col min="7432" max="7433" width="11.625" style="3" bestFit="1" customWidth="1"/>
    <col min="7434" max="7434" width="11.75" style="3" bestFit="1" customWidth="1"/>
    <col min="7435" max="7680" width="9" style="3"/>
    <col min="7681" max="7681" width="2.375" style="3" customWidth="1"/>
    <col min="7682" max="7682" width="3.5" style="3" bestFit="1" customWidth="1"/>
    <col min="7683" max="7683" width="2.25" style="3" customWidth="1"/>
    <col min="7684" max="7684" width="5.5" style="3" bestFit="1" customWidth="1"/>
    <col min="7685" max="7685" width="16.125" style="3" bestFit="1" customWidth="1"/>
    <col min="7686" max="7686" width="9" style="3"/>
    <col min="7687" max="7687" width="10.875" style="3" customWidth="1"/>
    <col min="7688" max="7689" width="11.625" style="3" bestFit="1" customWidth="1"/>
    <col min="7690" max="7690" width="11.75" style="3" bestFit="1" customWidth="1"/>
    <col min="7691" max="7936" width="9" style="3"/>
    <col min="7937" max="7937" width="2.375" style="3" customWidth="1"/>
    <col min="7938" max="7938" width="3.5" style="3" bestFit="1" customWidth="1"/>
    <col min="7939" max="7939" width="2.25" style="3" customWidth="1"/>
    <col min="7940" max="7940" width="5.5" style="3" bestFit="1" customWidth="1"/>
    <col min="7941" max="7941" width="16.125" style="3" bestFit="1" customWidth="1"/>
    <col min="7942" max="7942" width="9" style="3"/>
    <col min="7943" max="7943" width="10.875" style="3" customWidth="1"/>
    <col min="7944" max="7945" width="11.625" style="3" bestFit="1" customWidth="1"/>
    <col min="7946" max="7946" width="11.75" style="3" bestFit="1" customWidth="1"/>
    <col min="7947" max="8192" width="9" style="3"/>
    <col min="8193" max="8193" width="2.375" style="3" customWidth="1"/>
    <col min="8194" max="8194" width="3.5" style="3" bestFit="1" customWidth="1"/>
    <col min="8195" max="8195" width="2.25" style="3" customWidth="1"/>
    <col min="8196" max="8196" width="5.5" style="3" bestFit="1" customWidth="1"/>
    <col min="8197" max="8197" width="16.125" style="3" bestFit="1" customWidth="1"/>
    <col min="8198" max="8198" width="9" style="3"/>
    <col min="8199" max="8199" width="10.875" style="3" customWidth="1"/>
    <col min="8200" max="8201" width="11.625" style="3" bestFit="1" customWidth="1"/>
    <col min="8202" max="8202" width="11.75" style="3" bestFit="1" customWidth="1"/>
    <col min="8203" max="8448" width="9" style="3"/>
    <col min="8449" max="8449" width="2.375" style="3" customWidth="1"/>
    <col min="8450" max="8450" width="3.5" style="3" bestFit="1" customWidth="1"/>
    <col min="8451" max="8451" width="2.25" style="3" customWidth="1"/>
    <col min="8452" max="8452" width="5.5" style="3" bestFit="1" customWidth="1"/>
    <col min="8453" max="8453" width="16.125" style="3" bestFit="1" customWidth="1"/>
    <col min="8454" max="8454" width="9" style="3"/>
    <col min="8455" max="8455" width="10.875" style="3" customWidth="1"/>
    <col min="8456" max="8457" width="11.625" style="3" bestFit="1" customWidth="1"/>
    <col min="8458" max="8458" width="11.75" style="3" bestFit="1" customWidth="1"/>
    <col min="8459" max="8704" width="9" style="3"/>
    <col min="8705" max="8705" width="2.375" style="3" customWidth="1"/>
    <col min="8706" max="8706" width="3.5" style="3" bestFit="1" customWidth="1"/>
    <col min="8707" max="8707" width="2.25" style="3" customWidth="1"/>
    <col min="8708" max="8708" width="5.5" style="3" bestFit="1" customWidth="1"/>
    <col min="8709" max="8709" width="16.125" style="3" bestFit="1" customWidth="1"/>
    <col min="8710" max="8710" width="9" style="3"/>
    <col min="8711" max="8711" width="10.875" style="3" customWidth="1"/>
    <col min="8712" max="8713" width="11.625" style="3" bestFit="1" customWidth="1"/>
    <col min="8714" max="8714" width="11.75" style="3" bestFit="1" customWidth="1"/>
    <col min="8715" max="8960" width="9" style="3"/>
    <col min="8961" max="8961" width="2.375" style="3" customWidth="1"/>
    <col min="8962" max="8962" width="3.5" style="3" bestFit="1" customWidth="1"/>
    <col min="8963" max="8963" width="2.25" style="3" customWidth="1"/>
    <col min="8964" max="8964" width="5.5" style="3" bestFit="1" customWidth="1"/>
    <col min="8965" max="8965" width="16.125" style="3" bestFit="1" customWidth="1"/>
    <col min="8966" max="8966" width="9" style="3"/>
    <col min="8967" max="8967" width="10.875" style="3" customWidth="1"/>
    <col min="8968" max="8969" width="11.625" style="3" bestFit="1" customWidth="1"/>
    <col min="8970" max="8970" width="11.75" style="3" bestFit="1" customWidth="1"/>
    <col min="8971" max="9216" width="9" style="3"/>
    <col min="9217" max="9217" width="2.375" style="3" customWidth="1"/>
    <col min="9218" max="9218" width="3.5" style="3" bestFit="1" customWidth="1"/>
    <col min="9219" max="9219" width="2.25" style="3" customWidth="1"/>
    <col min="9220" max="9220" width="5.5" style="3" bestFit="1" customWidth="1"/>
    <col min="9221" max="9221" width="16.125" style="3" bestFit="1" customWidth="1"/>
    <col min="9222" max="9222" width="9" style="3"/>
    <col min="9223" max="9223" width="10.875" style="3" customWidth="1"/>
    <col min="9224" max="9225" width="11.625" style="3" bestFit="1" customWidth="1"/>
    <col min="9226" max="9226" width="11.75" style="3" bestFit="1" customWidth="1"/>
    <col min="9227" max="9472" width="9" style="3"/>
    <col min="9473" max="9473" width="2.375" style="3" customWidth="1"/>
    <col min="9474" max="9474" width="3.5" style="3" bestFit="1" customWidth="1"/>
    <col min="9475" max="9475" width="2.25" style="3" customWidth="1"/>
    <col min="9476" max="9476" width="5.5" style="3" bestFit="1" customWidth="1"/>
    <col min="9477" max="9477" width="16.125" style="3" bestFit="1" customWidth="1"/>
    <col min="9478" max="9478" width="9" style="3"/>
    <col min="9479" max="9479" width="10.875" style="3" customWidth="1"/>
    <col min="9480" max="9481" width="11.625" style="3" bestFit="1" customWidth="1"/>
    <col min="9482" max="9482" width="11.75" style="3" bestFit="1" customWidth="1"/>
    <col min="9483" max="9728" width="9" style="3"/>
    <col min="9729" max="9729" width="2.375" style="3" customWidth="1"/>
    <col min="9730" max="9730" width="3.5" style="3" bestFit="1" customWidth="1"/>
    <col min="9731" max="9731" width="2.25" style="3" customWidth="1"/>
    <col min="9732" max="9732" width="5.5" style="3" bestFit="1" customWidth="1"/>
    <col min="9733" max="9733" width="16.125" style="3" bestFit="1" customWidth="1"/>
    <col min="9734" max="9734" width="9" style="3"/>
    <col min="9735" max="9735" width="10.875" style="3" customWidth="1"/>
    <col min="9736" max="9737" width="11.625" style="3" bestFit="1" customWidth="1"/>
    <col min="9738" max="9738" width="11.75" style="3" bestFit="1" customWidth="1"/>
    <col min="9739" max="9984" width="9" style="3"/>
    <col min="9985" max="9985" width="2.375" style="3" customWidth="1"/>
    <col min="9986" max="9986" width="3.5" style="3" bestFit="1" customWidth="1"/>
    <col min="9987" max="9987" width="2.25" style="3" customWidth="1"/>
    <col min="9988" max="9988" width="5.5" style="3" bestFit="1" customWidth="1"/>
    <col min="9989" max="9989" width="16.125" style="3" bestFit="1" customWidth="1"/>
    <col min="9990" max="9990" width="9" style="3"/>
    <col min="9991" max="9991" width="10.875" style="3" customWidth="1"/>
    <col min="9992" max="9993" width="11.625" style="3" bestFit="1" customWidth="1"/>
    <col min="9994" max="9994" width="11.75" style="3" bestFit="1" customWidth="1"/>
    <col min="9995" max="10240" width="9" style="3"/>
    <col min="10241" max="10241" width="2.375" style="3" customWidth="1"/>
    <col min="10242" max="10242" width="3.5" style="3" bestFit="1" customWidth="1"/>
    <col min="10243" max="10243" width="2.25" style="3" customWidth="1"/>
    <col min="10244" max="10244" width="5.5" style="3" bestFit="1" customWidth="1"/>
    <col min="10245" max="10245" width="16.125" style="3" bestFit="1" customWidth="1"/>
    <col min="10246" max="10246" width="9" style="3"/>
    <col min="10247" max="10247" width="10.875" style="3" customWidth="1"/>
    <col min="10248" max="10249" width="11.625" style="3" bestFit="1" customWidth="1"/>
    <col min="10250" max="10250" width="11.75" style="3" bestFit="1" customWidth="1"/>
    <col min="10251" max="10496" width="9" style="3"/>
    <col min="10497" max="10497" width="2.375" style="3" customWidth="1"/>
    <col min="10498" max="10498" width="3.5" style="3" bestFit="1" customWidth="1"/>
    <col min="10499" max="10499" width="2.25" style="3" customWidth="1"/>
    <col min="10500" max="10500" width="5.5" style="3" bestFit="1" customWidth="1"/>
    <col min="10501" max="10501" width="16.125" style="3" bestFit="1" customWidth="1"/>
    <col min="10502" max="10502" width="9" style="3"/>
    <col min="10503" max="10503" width="10.875" style="3" customWidth="1"/>
    <col min="10504" max="10505" width="11.625" style="3" bestFit="1" customWidth="1"/>
    <col min="10506" max="10506" width="11.75" style="3" bestFit="1" customWidth="1"/>
    <col min="10507" max="10752" width="9" style="3"/>
    <col min="10753" max="10753" width="2.375" style="3" customWidth="1"/>
    <col min="10754" max="10754" width="3.5" style="3" bestFit="1" customWidth="1"/>
    <col min="10755" max="10755" width="2.25" style="3" customWidth="1"/>
    <col min="10756" max="10756" width="5.5" style="3" bestFit="1" customWidth="1"/>
    <col min="10757" max="10757" width="16.125" style="3" bestFit="1" customWidth="1"/>
    <col min="10758" max="10758" width="9" style="3"/>
    <col min="10759" max="10759" width="10.875" style="3" customWidth="1"/>
    <col min="10760" max="10761" width="11.625" style="3" bestFit="1" customWidth="1"/>
    <col min="10762" max="10762" width="11.75" style="3" bestFit="1" customWidth="1"/>
    <col min="10763" max="11008" width="9" style="3"/>
    <col min="11009" max="11009" width="2.375" style="3" customWidth="1"/>
    <col min="11010" max="11010" width="3.5" style="3" bestFit="1" customWidth="1"/>
    <col min="11011" max="11011" width="2.25" style="3" customWidth="1"/>
    <col min="11012" max="11012" width="5.5" style="3" bestFit="1" customWidth="1"/>
    <col min="11013" max="11013" width="16.125" style="3" bestFit="1" customWidth="1"/>
    <col min="11014" max="11014" width="9" style="3"/>
    <col min="11015" max="11015" width="10.875" style="3" customWidth="1"/>
    <col min="11016" max="11017" width="11.625" style="3" bestFit="1" customWidth="1"/>
    <col min="11018" max="11018" width="11.75" style="3" bestFit="1" customWidth="1"/>
    <col min="11019" max="11264" width="9" style="3"/>
    <col min="11265" max="11265" width="2.375" style="3" customWidth="1"/>
    <col min="11266" max="11266" width="3.5" style="3" bestFit="1" customWidth="1"/>
    <col min="11267" max="11267" width="2.25" style="3" customWidth="1"/>
    <col min="11268" max="11268" width="5.5" style="3" bestFit="1" customWidth="1"/>
    <col min="11269" max="11269" width="16.125" style="3" bestFit="1" customWidth="1"/>
    <col min="11270" max="11270" width="9" style="3"/>
    <col min="11271" max="11271" width="10.875" style="3" customWidth="1"/>
    <col min="11272" max="11273" width="11.625" style="3" bestFit="1" customWidth="1"/>
    <col min="11274" max="11274" width="11.75" style="3" bestFit="1" customWidth="1"/>
    <col min="11275" max="11520" width="9" style="3"/>
    <col min="11521" max="11521" width="2.375" style="3" customWidth="1"/>
    <col min="11522" max="11522" width="3.5" style="3" bestFit="1" customWidth="1"/>
    <col min="11523" max="11523" width="2.25" style="3" customWidth="1"/>
    <col min="11524" max="11524" width="5.5" style="3" bestFit="1" customWidth="1"/>
    <col min="11525" max="11525" width="16.125" style="3" bestFit="1" customWidth="1"/>
    <col min="11526" max="11526" width="9" style="3"/>
    <col min="11527" max="11527" width="10.875" style="3" customWidth="1"/>
    <col min="11528" max="11529" width="11.625" style="3" bestFit="1" customWidth="1"/>
    <col min="11530" max="11530" width="11.75" style="3" bestFit="1" customWidth="1"/>
    <col min="11531" max="11776" width="9" style="3"/>
    <col min="11777" max="11777" width="2.375" style="3" customWidth="1"/>
    <col min="11778" max="11778" width="3.5" style="3" bestFit="1" customWidth="1"/>
    <col min="11779" max="11779" width="2.25" style="3" customWidth="1"/>
    <col min="11780" max="11780" width="5.5" style="3" bestFit="1" customWidth="1"/>
    <col min="11781" max="11781" width="16.125" style="3" bestFit="1" customWidth="1"/>
    <col min="11782" max="11782" width="9" style="3"/>
    <col min="11783" max="11783" width="10.875" style="3" customWidth="1"/>
    <col min="11784" max="11785" width="11.625" style="3" bestFit="1" customWidth="1"/>
    <col min="11786" max="11786" width="11.75" style="3" bestFit="1" customWidth="1"/>
    <col min="11787" max="12032" width="9" style="3"/>
    <col min="12033" max="12033" width="2.375" style="3" customWidth="1"/>
    <col min="12034" max="12034" width="3.5" style="3" bestFit="1" customWidth="1"/>
    <col min="12035" max="12035" width="2.25" style="3" customWidth="1"/>
    <col min="12036" max="12036" width="5.5" style="3" bestFit="1" customWidth="1"/>
    <col min="12037" max="12037" width="16.125" style="3" bestFit="1" customWidth="1"/>
    <col min="12038" max="12038" width="9" style="3"/>
    <col min="12039" max="12039" width="10.875" style="3" customWidth="1"/>
    <col min="12040" max="12041" width="11.625" style="3" bestFit="1" customWidth="1"/>
    <col min="12042" max="12042" width="11.75" style="3" bestFit="1" customWidth="1"/>
    <col min="12043" max="12288" width="9" style="3"/>
    <col min="12289" max="12289" width="2.375" style="3" customWidth="1"/>
    <col min="12290" max="12290" width="3.5" style="3" bestFit="1" customWidth="1"/>
    <col min="12291" max="12291" width="2.25" style="3" customWidth="1"/>
    <col min="12292" max="12292" width="5.5" style="3" bestFit="1" customWidth="1"/>
    <col min="12293" max="12293" width="16.125" style="3" bestFit="1" customWidth="1"/>
    <col min="12294" max="12294" width="9" style="3"/>
    <col min="12295" max="12295" width="10.875" style="3" customWidth="1"/>
    <col min="12296" max="12297" width="11.625" style="3" bestFit="1" customWidth="1"/>
    <col min="12298" max="12298" width="11.75" style="3" bestFit="1" customWidth="1"/>
    <col min="12299" max="12544" width="9" style="3"/>
    <col min="12545" max="12545" width="2.375" style="3" customWidth="1"/>
    <col min="12546" max="12546" width="3.5" style="3" bestFit="1" customWidth="1"/>
    <col min="12547" max="12547" width="2.25" style="3" customWidth="1"/>
    <col min="12548" max="12548" width="5.5" style="3" bestFit="1" customWidth="1"/>
    <col min="12549" max="12549" width="16.125" style="3" bestFit="1" customWidth="1"/>
    <col min="12550" max="12550" width="9" style="3"/>
    <col min="12551" max="12551" width="10.875" style="3" customWidth="1"/>
    <col min="12552" max="12553" width="11.625" style="3" bestFit="1" customWidth="1"/>
    <col min="12554" max="12554" width="11.75" style="3" bestFit="1" customWidth="1"/>
    <col min="12555" max="12800" width="9" style="3"/>
    <col min="12801" max="12801" width="2.375" style="3" customWidth="1"/>
    <col min="12802" max="12802" width="3.5" style="3" bestFit="1" customWidth="1"/>
    <col min="12803" max="12803" width="2.25" style="3" customWidth="1"/>
    <col min="12804" max="12804" width="5.5" style="3" bestFit="1" customWidth="1"/>
    <col min="12805" max="12805" width="16.125" style="3" bestFit="1" customWidth="1"/>
    <col min="12806" max="12806" width="9" style="3"/>
    <col min="12807" max="12807" width="10.875" style="3" customWidth="1"/>
    <col min="12808" max="12809" width="11.625" style="3" bestFit="1" customWidth="1"/>
    <col min="12810" max="12810" width="11.75" style="3" bestFit="1" customWidth="1"/>
    <col min="12811" max="13056" width="9" style="3"/>
    <col min="13057" max="13057" width="2.375" style="3" customWidth="1"/>
    <col min="13058" max="13058" width="3.5" style="3" bestFit="1" customWidth="1"/>
    <col min="13059" max="13059" width="2.25" style="3" customWidth="1"/>
    <col min="13060" max="13060" width="5.5" style="3" bestFit="1" customWidth="1"/>
    <col min="13061" max="13061" width="16.125" style="3" bestFit="1" customWidth="1"/>
    <col min="13062" max="13062" width="9" style="3"/>
    <col min="13063" max="13063" width="10.875" style="3" customWidth="1"/>
    <col min="13064" max="13065" width="11.625" style="3" bestFit="1" customWidth="1"/>
    <col min="13066" max="13066" width="11.75" style="3" bestFit="1" customWidth="1"/>
    <col min="13067" max="13312" width="9" style="3"/>
    <col min="13313" max="13313" width="2.375" style="3" customWidth="1"/>
    <col min="13314" max="13314" width="3.5" style="3" bestFit="1" customWidth="1"/>
    <col min="13315" max="13315" width="2.25" style="3" customWidth="1"/>
    <col min="13316" max="13316" width="5.5" style="3" bestFit="1" customWidth="1"/>
    <col min="13317" max="13317" width="16.125" style="3" bestFit="1" customWidth="1"/>
    <col min="13318" max="13318" width="9" style="3"/>
    <col min="13319" max="13319" width="10.875" style="3" customWidth="1"/>
    <col min="13320" max="13321" width="11.625" style="3" bestFit="1" customWidth="1"/>
    <col min="13322" max="13322" width="11.75" style="3" bestFit="1" customWidth="1"/>
    <col min="13323" max="13568" width="9" style="3"/>
    <col min="13569" max="13569" width="2.375" style="3" customWidth="1"/>
    <col min="13570" max="13570" width="3.5" style="3" bestFit="1" customWidth="1"/>
    <col min="13571" max="13571" width="2.25" style="3" customWidth="1"/>
    <col min="13572" max="13572" width="5.5" style="3" bestFit="1" customWidth="1"/>
    <col min="13573" max="13573" width="16.125" style="3" bestFit="1" customWidth="1"/>
    <col min="13574" max="13574" width="9" style="3"/>
    <col min="13575" max="13575" width="10.875" style="3" customWidth="1"/>
    <col min="13576" max="13577" width="11.625" style="3" bestFit="1" customWidth="1"/>
    <col min="13578" max="13578" width="11.75" style="3" bestFit="1" customWidth="1"/>
    <col min="13579" max="13824" width="9" style="3"/>
    <col min="13825" max="13825" width="2.375" style="3" customWidth="1"/>
    <col min="13826" max="13826" width="3.5" style="3" bestFit="1" customWidth="1"/>
    <col min="13827" max="13827" width="2.25" style="3" customWidth="1"/>
    <col min="13828" max="13828" width="5.5" style="3" bestFit="1" customWidth="1"/>
    <col min="13829" max="13829" width="16.125" style="3" bestFit="1" customWidth="1"/>
    <col min="13830" max="13830" width="9" style="3"/>
    <col min="13831" max="13831" width="10.875" style="3" customWidth="1"/>
    <col min="13832" max="13833" width="11.625" style="3" bestFit="1" customWidth="1"/>
    <col min="13834" max="13834" width="11.75" style="3" bestFit="1" customWidth="1"/>
    <col min="13835" max="14080" width="9" style="3"/>
    <col min="14081" max="14081" width="2.375" style="3" customWidth="1"/>
    <col min="14082" max="14082" width="3.5" style="3" bestFit="1" customWidth="1"/>
    <col min="14083" max="14083" width="2.25" style="3" customWidth="1"/>
    <col min="14084" max="14084" width="5.5" style="3" bestFit="1" customWidth="1"/>
    <col min="14085" max="14085" width="16.125" style="3" bestFit="1" customWidth="1"/>
    <col min="14086" max="14086" width="9" style="3"/>
    <col min="14087" max="14087" width="10.875" style="3" customWidth="1"/>
    <col min="14088" max="14089" width="11.625" style="3" bestFit="1" customWidth="1"/>
    <col min="14090" max="14090" width="11.75" style="3" bestFit="1" customWidth="1"/>
    <col min="14091" max="14336" width="9" style="3"/>
    <col min="14337" max="14337" width="2.375" style="3" customWidth="1"/>
    <col min="14338" max="14338" width="3.5" style="3" bestFit="1" customWidth="1"/>
    <col min="14339" max="14339" width="2.25" style="3" customWidth="1"/>
    <col min="14340" max="14340" width="5.5" style="3" bestFit="1" customWidth="1"/>
    <col min="14341" max="14341" width="16.125" style="3" bestFit="1" customWidth="1"/>
    <col min="14342" max="14342" width="9" style="3"/>
    <col min="14343" max="14343" width="10.875" style="3" customWidth="1"/>
    <col min="14344" max="14345" width="11.625" style="3" bestFit="1" customWidth="1"/>
    <col min="14346" max="14346" width="11.75" style="3" bestFit="1" customWidth="1"/>
    <col min="14347" max="14592" width="9" style="3"/>
    <col min="14593" max="14593" width="2.375" style="3" customWidth="1"/>
    <col min="14594" max="14594" width="3.5" style="3" bestFit="1" customWidth="1"/>
    <col min="14595" max="14595" width="2.25" style="3" customWidth="1"/>
    <col min="14596" max="14596" width="5.5" style="3" bestFit="1" customWidth="1"/>
    <col min="14597" max="14597" width="16.125" style="3" bestFit="1" customWidth="1"/>
    <col min="14598" max="14598" width="9" style="3"/>
    <col min="14599" max="14599" width="10.875" style="3" customWidth="1"/>
    <col min="14600" max="14601" width="11.625" style="3" bestFit="1" customWidth="1"/>
    <col min="14602" max="14602" width="11.75" style="3" bestFit="1" customWidth="1"/>
    <col min="14603" max="14848" width="9" style="3"/>
    <col min="14849" max="14849" width="2.375" style="3" customWidth="1"/>
    <col min="14850" max="14850" width="3.5" style="3" bestFit="1" customWidth="1"/>
    <col min="14851" max="14851" width="2.25" style="3" customWidth="1"/>
    <col min="14852" max="14852" width="5.5" style="3" bestFit="1" customWidth="1"/>
    <col min="14853" max="14853" width="16.125" style="3" bestFit="1" customWidth="1"/>
    <col min="14854" max="14854" width="9" style="3"/>
    <col min="14855" max="14855" width="10.875" style="3" customWidth="1"/>
    <col min="14856" max="14857" width="11.625" style="3" bestFit="1" customWidth="1"/>
    <col min="14858" max="14858" width="11.75" style="3" bestFit="1" customWidth="1"/>
    <col min="14859" max="15104" width="9" style="3"/>
    <col min="15105" max="15105" width="2.375" style="3" customWidth="1"/>
    <col min="15106" max="15106" width="3.5" style="3" bestFit="1" customWidth="1"/>
    <col min="15107" max="15107" width="2.25" style="3" customWidth="1"/>
    <col min="15108" max="15108" width="5.5" style="3" bestFit="1" customWidth="1"/>
    <col min="15109" max="15109" width="16.125" style="3" bestFit="1" customWidth="1"/>
    <col min="15110" max="15110" width="9" style="3"/>
    <col min="15111" max="15111" width="10.875" style="3" customWidth="1"/>
    <col min="15112" max="15113" width="11.625" style="3" bestFit="1" customWidth="1"/>
    <col min="15114" max="15114" width="11.75" style="3" bestFit="1" customWidth="1"/>
    <col min="15115" max="15360" width="9" style="3"/>
    <col min="15361" max="15361" width="2.375" style="3" customWidth="1"/>
    <col min="15362" max="15362" width="3.5" style="3" bestFit="1" customWidth="1"/>
    <col min="15363" max="15363" width="2.25" style="3" customWidth="1"/>
    <col min="15364" max="15364" width="5.5" style="3" bestFit="1" customWidth="1"/>
    <col min="15365" max="15365" width="16.125" style="3" bestFit="1" customWidth="1"/>
    <col min="15366" max="15366" width="9" style="3"/>
    <col min="15367" max="15367" width="10.875" style="3" customWidth="1"/>
    <col min="15368" max="15369" width="11.625" style="3" bestFit="1" customWidth="1"/>
    <col min="15370" max="15370" width="11.75" style="3" bestFit="1" customWidth="1"/>
    <col min="15371" max="15616" width="9" style="3"/>
    <col min="15617" max="15617" width="2.375" style="3" customWidth="1"/>
    <col min="15618" max="15618" width="3.5" style="3" bestFit="1" customWidth="1"/>
    <col min="15619" max="15619" width="2.25" style="3" customWidth="1"/>
    <col min="15620" max="15620" width="5.5" style="3" bestFit="1" customWidth="1"/>
    <col min="15621" max="15621" width="16.125" style="3" bestFit="1" customWidth="1"/>
    <col min="15622" max="15622" width="9" style="3"/>
    <col min="15623" max="15623" width="10.875" style="3" customWidth="1"/>
    <col min="15624" max="15625" width="11.625" style="3" bestFit="1" customWidth="1"/>
    <col min="15626" max="15626" width="11.75" style="3" bestFit="1" customWidth="1"/>
    <col min="15627" max="15872" width="9" style="3"/>
    <col min="15873" max="15873" width="2.375" style="3" customWidth="1"/>
    <col min="15874" max="15874" width="3.5" style="3" bestFit="1" customWidth="1"/>
    <col min="15875" max="15875" width="2.25" style="3" customWidth="1"/>
    <col min="15876" max="15876" width="5.5" style="3" bestFit="1" customWidth="1"/>
    <col min="15877" max="15877" width="16.125" style="3" bestFit="1" customWidth="1"/>
    <col min="15878" max="15878" width="9" style="3"/>
    <col min="15879" max="15879" width="10.875" style="3" customWidth="1"/>
    <col min="15880" max="15881" width="11.625" style="3" bestFit="1" customWidth="1"/>
    <col min="15882" max="15882" width="11.75" style="3" bestFit="1" customWidth="1"/>
    <col min="15883" max="16128" width="9" style="3"/>
    <col min="16129" max="16129" width="2.375" style="3" customWidth="1"/>
    <col min="16130" max="16130" width="3.5" style="3" bestFit="1" customWidth="1"/>
    <col min="16131" max="16131" width="2.25" style="3" customWidth="1"/>
    <col min="16132" max="16132" width="5.5" style="3" bestFit="1" customWidth="1"/>
    <col min="16133" max="16133" width="16.125" style="3" bestFit="1" customWidth="1"/>
    <col min="16134" max="16134" width="9" style="3"/>
    <col min="16135" max="16135" width="10.875" style="3" customWidth="1"/>
    <col min="16136" max="16137" width="11.625" style="3" bestFit="1" customWidth="1"/>
    <col min="16138" max="16138" width="11.75" style="3" bestFit="1" customWidth="1"/>
    <col min="16139" max="16384" width="9" style="3"/>
  </cols>
  <sheetData>
    <row r="5" spans="1:10" ht="18" customHeight="1" x14ac:dyDescent="0.15">
      <c r="A5" s="1" t="s">
        <v>67</v>
      </c>
      <c r="I5" s="4"/>
      <c r="J5" s="80"/>
    </row>
    <row r="6" spans="1:10" ht="18" customHeight="1" x14ac:dyDescent="0.15"/>
    <row r="7" spans="1:10" ht="18" customHeight="1" x14ac:dyDescent="0.15"/>
    <row r="8" spans="1:10" ht="18" customHeight="1" x14ac:dyDescent="0.15">
      <c r="B8" s="8">
        <v>1</v>
      </c>
      <c r="C8" s="3" t="s">
        <v>44</v>
      </c>
    </row>
    <row r="9" spans="1:10" ht="18" customHeight="1" x14ac:dyDescent="0.15">
      <c r="D9" s="15" t="s">
        <v>65</v>
      </c>
    </row>
    <row r="10" spans="1:10" ht="18" customHeight="1" x14ac:dyDescent="0.15"/>
    <row r="11" spans="1:10" ht="18" customHeight="1" x14ac:dyDescent="0.15">
      <c r="B11" s="8">
        <v>2</v>
      </c>
      <c r="C11" s="3" t="s">
        <v>45</v>
      </c>
    </row>
    <row r="12" spans="1:10" ht="18" customHeight="1" x14ac:dyDescent="0.15">
      <c r="D12" s="72" t="s">
        <v>58</v>
      </c>
    </row>
    <row r="13" spans="1:10" ht="18" customHeight="1" x14ac:dyDescent="0.15"/>
    <row r="14" spans="1:10" ht="18" customHeight="1" x14ac:dyDescent="0.15">
      <c r="B14" s="8">
        <v>3</v>
      </c>
      <c r="C14" s="3" t="s">
        <v>46</v>
      </c>
    </row>
    <row r="15" spans="1:10" ht="18" customHeight="1" x14ac:dyDescent="0.15">
      <c r="D15" s="72" t="s">
        <v>59</v>
      </c>
    </row>
    <row r="16" spans="1:10" ht="18" customHeight="1" x14ac:dyDescent="0.15"/>
    <row r="17" spans="2:8" ht="18" customHeight="1" x14ac:dyDescent="0.15">
      <c r="B17" s="8">
        <v>4</v>
      </c>
      <c r="C17" s="3" t="s">
        <v>4</v>
      </c>
    </row>
    <row r="18" spans="2:8" ht="18" customHeight="1" x14ac:dyDescent="0.15">
      <c r="D18" s="3" t="s">
        <v>47</v>
      </c>
      <c r="H18" s="75"/>
    </row>
    <row r="19" spans="2:8" ht="18" customHeight="1" x14ac:dyDescent="0.15"/>
    <row r="20" spans="2:8" ht="18" customHeight="1" x14ac:dyDescent="0.15">
      <c r="B20" s="8">
        <v>5</v>
      </c>
      <c r="C20" t="s">
        <v>33</v>
      </c>
    </row>
    <row r="21" spans="2:8" ht="18" customHeight="1" x14ac:dyDescent="0.15">
      <c r="D21" s="99" t="s">
        <v>60</v>
      </c>
      <c r="E21" s="99"/>
      <c r="F21" s="99"/>
    </row>
    <row r="22" spans="2:8" ht="18" customHeight="1" x14ac:dyDescent="0.15"/>
    <row r="23" spans="2:8" ht="18" customHeight="1" x14ac:dyDescent="0.15">
      <c r="B23" s="8">
        <v>6</v>
      </c>
      <c r="C23" s="3" t="s">
        <v>5</v>
      </c>
    </row>
    <row r="24" spans="2:8" ht="18" customHeight="1" x14ac:dyDescent="0.15">
      <c r="D24" t="s">
        <v>68</v>
      </c>
    </row>
    <row r="25" spans="2:8" ht="18" customHeight="1" x14ac:dyDescent="0.15">
      <c r="C25" s="1"/>
      <c r="D25" s="1"/>
    </row>
    <row r="26" spans="2:8" ht="18" customHeight="1" x14ac:dyDescent="0.15">
      <c r="C26" s="1"/>
      <c r="D26" s="1"/>
    </row>
    <row r="27" spans="2:8" ht="18" customHeight="1" x14ac:dyDescent="0.15">
      <c r="C27" s="1"/>
      <c r="D27" s="1"/>
    </row>
    <row r="28" spans="2:8" ht="18" customHeight="1" x14ac:dyDescent="0.15">
      <c r="C28" s="1"/>
      <c r="D28" s="1"/>
    </row>
    <row r="29" spans="2:8" ht="18" customHeight="1" x14ac:dyDescent="0.15">
      <c r="C29" s="1"/>
      <c r="D29" s="1"/>
    </row>
    <row r="30" spans="2:8" ht="18" customHeight="1" x14ac:dyDescent="0.15">
      <c r="C30" s="1"/>
      <c r="D30" s="1"/>
    </row>
    <row r="31" spans="2:8" ht="18" customHeight="1" x14ac:dyDescent="0.15">
      <c r="C31" s="1"/>
      <c r="D31" s="1"/>
    </row>
    <row r="32" spans="2:8" ht="18" customHeight="1" x14ac:dyDescent="0.15">
      <c r="C32" s="1"/>
      <c r="D32" s="1"/>
    </row>
    <row r="33" spans="3:4" ht="18" customHeight="1" x14ac:dyDescent="0.15">
      <c r="C33" s="1"/>
      <c r="D33" s="1"/>
    </row>
    <row r="34" spans="3:4" ht="18" customHeight="1" x14ac:dyDescent="0.15">
      <c r="C34" s="1"/>
      <c r="D34" s="1"/>
    </row>
    <row r="35" spans="3:4" ht="18.75" customHeight="1" x14ac:dyDescent="0.15">
      <c r="C35" s="7"/>
    </row>
    <row r="36" spans="3:4" ht="18" customHeight="1" x14ac:dyDescent="0.15"/>
    <row r="37" spans="3:4" ht="18" customHeight="1" x14ac:dyDescent="0.15"/>
    <row r="38" spans="3:4" ht="18" customHeight="1" x14ac:dyDescent="0.15"/>
    <row r="39" spans="3:4" ht="18" customHeight="1" x14ac:dyDescent="0.15"/>
    <row r="40" spans="3:4" ht="18" customHeight="1" x14ac:dyDescent="0.15"/>
    <row r="41" spans="3:4" ht="18" customHeight="1" x14ac:dyDescent="0.15"/>
    <row r="42" spans="3:4" ht="18" customHeight="1" x14ac:dyDescent="0.15"/>
    <row r="43" spans="3:4" ht="18" customHeight="1" x14ac:dyDescent="0.15"/>
    <row r="44" spans="3:4" ht="18" customHeight="1" x14ac:dyDescent="0.15"/>
    <row r="45" spans="3:4" ht="18" customHeight="1" x14ac:dyDescent="0.15"/>
    <row r="46" spans="3:4" ht="18" customHeight="1" x14ac:dyDescent="0.15"/>
    <row r="47" spans="3:4" ht="18" customHeight="1" x14ac:dyDescent="0.15"/>
    <row r="48" spans="3:4"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sheetData>
  <mergeCells count="1">
    <mergeCell ref="D21:F21"/>
  </mergeCells>
  <phoneticPr fontId="2"/>
  <conditionalFormatting sqref="D9 D12 D15 D18 D21">
    <cfRule type="cellIs" dxfId="1" priority="2" stopIfTrue="1" operator="equal">
      <formula>""</formula>
    </cfRule>
  </conditionalFormatting>
  <conditionalFormatting sqref="D12 D9 D18 D15 D21">
    <cfRule type="cellIs" dxfId="0" priority="1" stopIfTrue="1" operator="equal">
      <formula>""</formula>
    </cfRule>
  </conditionalFormatting>
  <printOptions horizontalCentered="1"/>
  <pageMargins left="0.35433070866141736" right="0.39370078740157483" top="0.19685039370078741" bottom="0.55118110236220474" header="0.74803149606299213" footer="0.35433070866141736"/>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5</vt:i4>
      </vt:variant>
    </vt:vector>
  </HeadingPairs>
  <TitlesOfParts>
    <vt:vector size="13" baseType="lpstr">
      <vt:lpstr>様式６</vt:lpstr>
      <vt:lpstr>様式６【記入例】</vt:lpstr>
      <vt:lpstr>別紙概要(様式_返納あり)【１】</vt:lpstr>
      <vt:lpstr>別紙概要(様式_返納あり)【２】</vt:lpstr>
      <vt:lpstr>別紙概要(様式_返納なし）【3】</vt:lpstr>
      <vt:lpstr>別紙概要(返納あり)【例１】</vt:lpstr>
      <vt:lpstr>別紙概要(返納あり)【例２】</vt:lpstr>
      <vt:lpstr>別紙概要(返納なし)【例3】</vt:lpstr>
      <vt:lpstr>'別紙概要(返納あり)【例１】'!Print_Area</vt:lpstr>
      <vt:lpstr>'別紙概要(返納あり)【例２】'!Print_Area</vt:lpstr>
      <vt:lpstr>'別紙概要(様式_返納あり)【１】'!Print_Area</vt:lpstr>
      <vt:lpstr>'別紙概要(様式_返納あり)【２】'!Print_Area</vt:lpstr>
      <vt:lpstr>'別紙概要(様式_返納なし）【3】'!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10-08T07:22:31Z</cp:lastPrinted>
  <dcterms:created xsi:type="dcterms:W3CDTF">2007-11-22T07:11:14Z</dcterms:created>
  <dcterms:modified xsi:type="dcterms:W3CDTF">2025-09-05T02:38:13Z</dcterms:modified>
</cp:coreProperties>
</file>